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127"/>
  <workbookPr/>
  <mc:AlternateContent xmlns:mc="http://schemas.openxmlformats.org/markup-compatibility/2006">
    <mc:Choice Requires="x15">
      <x15ac:absPath xmlns:x15ac="http://schemas.microsoft.com/office/spreadsheetml/2010/11/ac" url="\\kfs01\s3152\技術管理G\00_常用\40_総合評価関係\イントラ・HP掲載データ\R08\R0806_更新\HP公開データ\"/>
    </mc:Choice>
  </mc:AlternateContent>
  <xr:revisionPtr revIDLastSave="0" documentId="13_ncr:1_{44F21BD2-D973-45E5-9F77-776BA820EF91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令和７年度" sheetId="4" r:id="rId1"/>
  </sheets>
  <definedNames>
    <definedName name="_xlnm._FilterDatabase" localSheetId="0" hidden="1">令和７年度!$A$7:$H$492</definedName>
    <definedName name="_xlnm.Print_Area" localSheetId="0">令和７年度!$A$1:$H$492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2898" uniqueCount="1254">
  <si>
    <t>高座郡寒川町宮山地内</t>
  </si>
  <si>
    <t/>
  </si>
  <si>
    <t>管</t>
  </si>
  <si>
    <t>水道施設課</t>
  </si>
  <si>
    <t>土木一式</t>
  </si>
  <si>
    <t>横浜営業所</t>
  </si>
  <si>
    <t>水道施設</t>
  </si>
  <si>
    <t>日総プランテック（株）</t>
  </si>
  <si>
    <t>（有）トワ建設</t>
  </si>
  <si>
    <t>協進設備（株）</t>
  </si>
  <si>
    <t>（有）用田建設</t>
  </si>
  <si>
    <t>電気</t>
  </si>
  <si>
    <t>太陽計測（株）</t>
  </si>
  <si>
    <t>環境営業本部横浜支店</t>
  </si>
  <si>
    <t>（有）進建</t>
  </si>
  <si>
    <t>（株）今井水道</t>
  </si>
  <si>
    <t>（株）田所設備</t>
  </si>
  <si>
    <t>（株）富士設備</t>
  </si>
  <si>
    <t>（株）野﨑工業所</t>
  </si>
  <si>
    <t>（有）ウォーターワークス笹野</t>
  </si>
  <si>
    <t>（株）小池設備</t>
  </si>
  <si>
    <t>菊永建設（株）</t>
  </si>
  <si>
    <t>（株）相模土建</t>
  </si>
  <si>
    <t>（有）山田土建</t>
  </si>
  <si>
    <t>（株）ハギワラ</t>
  </si>
  <si>
    <t>（株）甲斐工務店</t>
  </si>
  <si>
    <t>（株）カナコー</t>
  </si>
  <si>
    <t>（有）佐藤設備工業所</t>
  </si>
  <si>
    <t>（株）本田設備</t>
  </si>
  <si>
    <t>（株）山本組</t>
  </si>
  <si>
    <t>とび・土工・コンクリート</t>
  </si>
  <si>
    <t>日本プラミング（株）</t>
  </si>
  <si>
    <t>（有）武藤工務店</t>
  </si>
  <si>
    <t>（株）鈴栄工業</t>
  </si>
  <si>
    <t>（有）ソムリエホーム</t>
  </si>
  <si>
    <t>（株）京浜植物園</t>
  </si>
  <si>
    <t>（有）五葉工業</t>
  </si>
  <si>
    <t>西建設工業（株）</t>
  </si>
  <si>
    <t>（株）鎌倉日本土木</t>
  </si>
  <si>
    <t>（有）アゼハラ設備</t>
  </si>
  <si>
    <t>大野設備工業（株）</t>
  </si>
  <si>
    <t>山羽工業（株）</t>
  </si>
  <si>
    <t>（有）安室設備</t>
  </si>
  <si>
    <t>（株）Ｒｙｏ，ｓ　Ｐｌａｎｎｉｎｇ</t>
  </si>
  <si>
    <t>（株）加藤工務店</t>
  </si>
  <si>
    <t>（株）幸和</t>
  </si>
  <si>
    <t>（有）太陽ホーム産業</t>
  </si>
  <si>
    <t>（株）今井水道設備</t>
  </si>
  <si>
    <t>（株）大塚工業</t>
  </si>
  <si>
    <t>（株）クドー工業</t>
  </si>
  <si>
    <t>（株）コハラ</t>
  </si>
  <si>
    <t>（株）勝栄工業</t>
  </si>
  <si>
    <t>（株）マルイ設備</t>
  </si>
  <si>
    <t>（有）協栄産業</t>
  </si>
  <si>
    <t>（有）カワニシ</t>
  </si>
  <si>
    <t>（株）第一設備商会</t>
  </si>
  <si>
    <t>（有）横坂建設</t>
  </si>
  <si>
    <t>（有）岩田土木管工</t>
  </si>
  <si>
    <t>山晃建設（株）</t>
  </si>
  <si>
    <t>（株）滝美園</t>
  </si>
  <si>
    <t>（有）大貫設備</t>
  </si>
  <si>
    <t>（株）アースロック</t>
  </si>
  <si>
    <t>（有）田中装建</t>
  </si>
  <si>
    <t>（有）湘南工事</t>
  </si>
  <si>
    <t>（有）めぐみ工業</t>
  </si>
  <si>
    <t>長谷川工業（株）</t>
  </si>
  <si>
    <t>（株）丸三工営</t>
  </si>
  <si>
    <t>ツチヤ総建（株）</t>
  </si>
  <si>
    <t>湯浅土建（株）</t>
  </si>
  <si>
    <t>寒川浄水場</t>
  </si>
  <si>
    <t>高座郡寒川町宮山4271</t>
  </si>
  <si>
    <t>神奈川支店</t>
  </si>
  <si>
    <t>横浜支店</t>
  </si>
  <si>
    <t>機械器具設置</t>
  </si>
  <si>
    <t>東京支店</t>
  </si>
  <si>
    <t>荏原商事（株）</t>
  </si>
  <si>
    <t>電気通信</t>
  </si>
  <si>
    <t>（株）水機テクノス</t>
  </si>
  <si>
    <t>（株）第一テクノ</t>
  </si>
  <si>
    <t>大興電機（株）</t>
  </si>
  <si>
    <t>（株）守屋電機</t>
  </si>
  <si>
    <t>湘南テクノス（株）</t>
  </si>
  <si>
    <t>谷ケ原浄水場</t>
  </si>
  <si>
    <t>相模原市緑区谷ヶ原2-6-1</t>
  </si>
  <si>
    <t>平井工業（株）</t>
  </si>
  <si>
    <t>相模原市緑区谷ヶ原2-6-1(谷ケ原浄水場内)</t>
  </si>
  <si>
    <t>神奈川支社</t>
  </si>
  <si>
    <t>足柄上郡山北町世附地内</t>
  </si>
  <si>
    <t>足柄上郡山北町神尾田地内</t>
  </si>
  <si>
    <t>足柄上郡山北町玄倉地内</t>
  </si>
  <si>
    <t>（有）井澤組</t>
  </si>
  <si>
    <t>三菱電機（株）</t>
  </si>
  <si>
    <t>鋼構造物</t>
  </si>
  <si>
    <t>西友エンジニアリング（株）</t>
  </si>
  <si>
    <t>山梨県上野原市鶴島地内</t>
  </si>
  <si>
    <t>（有）小島組</t>
  </si>
  <si>
    <t>相模原市緑区牧野地内</t>
  </si>
  <si>
    <t>道志調整池護岸工事</t>
  </si>
  <si>
    <t>備考</t>
    <rPh sb="0" eb="2">
      <t>ビコウ</t>
    </rPh>
    <phoneticPr fontId="1"/>
  </si>
  <si>
    <t>公　表　用</t>
    <rPh sb="0" eb="1">
      <t>コウ</t>
    </rPh>
    <rPh sb="2" eb="3">
      <t>オモテ</t>
    </rPh>
    <rPh sb="4" eb="5">
      <t>ヨウ</t>
    </rPh>
    <phoneticPr fontId="1"/>
  </si>
  <si>
    <t>※本表は、評価対象工事の「工種」が不明な場合に補助的に利用する資料です。</t>
    <rPh sb="1" eb="2">
      <t>ホン</t>
    </rPh>
    <rPh sb="2" eb="3">
      <t>ヒョウ</t>
    </rPh>
    <rPh sb="5" eb="7">
      <t>ヒョウカ</t>
    </rPh>
    <rPh sb="7" eb="9">
      <t>タイショウ</t>
    </rPh>
    <rPh sb="9" eb="11">
      <t>コウジ</t>
    </rPh>
    <rPh sb="13" eb="15">
      <t>コウシュ</t>
    </rPh>
    <rPh sb="17" eb="19">
      <t>フメイ</t>
    </rPh>
    <rPh sb="20" eb="22">
      <t>バアイ</t>
    </rPh>
    <rPh sb="23" eb="26">
      <t>ホジョテキ</t>
    </rPh>
    <rPh sb="27" eb="29">
      <t>リヨウ</t>
    </rPh>
    <rPh sb="31" eb="33">
      <t>シリョウ</t>
    </rPh>
    <phoneticPr fontId="1"/>
  </si>
  <si>
    <t>※工事名、工事場所等は、簡略化して記載されていることがあります。</t>
    <rPh sb="1" eb="3">
      <t>コウジ</t>
    </rPh>
    <rPh sb="3" eb="4">
      <t>メイ</t>
    </rPh>
    <rPh sb="5" eb="7">
      <t>コウジ</t>
    </rPh>
    <rPh sb="7" eb="9">
      <t>バショ</t>
    </rPh>
    <rPh sb="9" eb="10">
      <t>トウ</t>
    </rPh>
    <rPh sb="12" eb="15">
      <t>カンリャクカ</t>
    </rPh>
    <rPh sb="17" eb="19">
      <t>キサイ</t>
    </rPh>
    <phoneticPr fontId="1"/>
  </si>
  <si>
    <t>所属名</t>
    <rPh sb="0" eb="3">
      <t>ショゾクメイ</t>
    </rPh>
    <phoneticPr fontId="2"/>
  </si>
  <si>
    <t>工事箇所</t>
    <rPh sb="0" eb="2">
      <t>コウジ</t>
    </rPh>
    <rPh sb="2" eb="4">
      <t>カショ</t>
    </rPh>
    <phoneticPr fontId="2"/>
  </si>
  <si>
    <t>支店名</t>
    <rPh sb="0" eb="2">
      <t>シテン</t>
    </rPh>
    <rPh sb="2" eb="3">
      <t>メイ</t>
    </rPh>
    <phoneticPr fontId="2"/>
  </si>
  <si>
    <t>塗装</t>
  </si>
  <si>
    <t>（株）寿組</t>
  </si>
  <si>
    <t>相模原市緑区与瀬地内</t>
  </si>
  <si>
    <t>（有）井上工業所</t>
  </si>
  <si>
    <t>（株）菊地原建設工業</t>
  </si>
  <si>
    <t>鎌倉土建（株）</t>
  </si>
  <si>
    <t>（有）大豊設備工業</t>
  </si>
  <si>
    <t>（有）山本ポンプ工業</t>
  </si>
  <si>
    <t>（株）阿諏訪建設</t>
  </si>
  <si>
    <t>富士通Ｊａｐａｎ（株）</t>
  </si>
  <si>
    <t>相模原市緑区城山2丁目地先</t>
  </si>
  <si>
    <t>工種</t>
    <rPh sb="0" eb="2">
      <t>コウシュ</t>
    </rPh>
    <phoneticPr fontId="2"/>
  </si>
  <si>
    <t>酒匂川水系ダム管理事務所</t>
  </si>
  <si>
    <t>相模川水系ダム管理事務所</t>
  </si>
  <si>
    <t>相模川発電管理事務所</t>
  </si>
  <si>
    <t>寒川浄水場ろ過池ほか電動弁駆動部修理工事(その2)</t>
  </si>
  <si>
    <t>谷ケ原浄水場排水処理施設二次濃縮機修理工事</t>
  </si>
  <si>
    <t>丹沢湖堆積土砂処理工事(その2)</t>
  </si>
  <si>
    <t>丹沢湖周辺法面補修工事</t>
  </si>
  <si>
    <t>厚木市三田地内</t>
  </si>
  <si>
    <t>茅ヶ崎市甘沼地内</t>
  </si>
  <si>
    <t>藤沢市稲荷1-9</t>
  </si>
  <si>
    <t>相模原市緑区谷ヶ原2-6-1(谷ケ原浄水場)</t>
  </si>
  <si>
    <t>相模原市緑区川尻4454-3(城山発電所)</t>
  </si>
  <si>
    <t>（有）アイコーポレーション</t>
  </si>
  <si>
    <t>（株）伊達建設</t>
  </si>
  <si>
    <t>（株）丹野設備工業所</t>
  </si>
  <si>
    <t>遁所道路（株）</t>
  </si>
  <si>
    <t>（株）折本設備</t>
  </si>
  <si>
    <t>山﨑水道建設（株）</t>
  </si>
  <si>
    <t>（株）アールシー</t>
  </si>
  <si>
    <t>（有）平本水道工業所</t>
  </si>
  <si>
    <t>鉄建基礎（株）</t>
  </si>
  <si>
    <t>髙橋機械土木（有）</t>
  </si>
  <si>
    <t>湘南建設（株）</t>
  </si>
  <si>
    <t>日髙建設（株）</t>
  </si>
  <si>
    <t>ルマンディワールド（株）</t>
  </si>
  <si>
    <t>（株）甲斐組</t>
  </si>
  <si>
    <t>若林建設（株）</t>
  </si>
  <si>
    <t>（株）マルユウ総建</t>
  </si>
  <si>
    <t>（有）山口商会</t>
  </si>
  <si>
    <t>（株）塩川興業</t>
  </si>
  <si>
    <t>（株）アクア・アドバンス</t>
  </si>
  <si>
    <t>（株）高田屋</t>
  </si>
  <si>
    <t>メタウォーター（株）</t>
  </si>
  <si>
    <t>（有）三木電気工事</t>
  </si>
  <si>
    <t>（株）太陽システム</t>
  </si>
  <si>
    <t>（株）ワイエムエス</t>
  </si>
  <si>
    <t>西部電機（株）</t>
  </si>
  <si>
    <t>昱（株）</t>
  </si>
  <si>
    <t>日本原料（株）</t>
  </si>
  <si>
    <t>（有）小林電機工業</t>
  </si>
  <si>
    <t>（有）籔田組</t>
  </si>
  <si>
    <t>（有）関戸商事</t>
  </si>
  <si>
    <t>（株）東京エネシス</t>
  </si>
  <si>
    <t>富士電機（株）</t>
  </si>
  <si>
    <t>新横浜サービスセンター</t>
  </si>
  <si>
    <t>建築一式</t>
  </si>
  <si>
    <t>受注者名</t>
    <rPh sb="0" eb="1">
      <t>ウケ</t>
    </rPh>
    <rPh sb="1" eb="2">
      <t>チュウ</t>
    </rPh>
    <phoneticPr fontId="2"/>
  </si>
  <si>
    <t>工事名</t>
    <phoneticPr fontId="1"/>
  </si>
  <si>
    <t>工事番号</t>
    <rPh sb="2" eb="4">
      <t>バンゴウ</t>
    </rPh>
    <phoneticPr fontId="2"/>
  </si>
  <si>
    <t>発電課</t>
  </si>
  <si>
    <t>相模原</t>
  </si>
  <si>
    <t>相模原南</t>
  </si>
  <si>
    <t>津久井</t>
  </si>
  <si>
    <t>鎌倉</t>
  </si>
  <si>
    <t>藤沢</t>
  </si>
  <si>
    <t>茅ケ崎</t>
  </si>
  <si>
    <t>平塚</t>
  </si>
  <si>
    <t>厚木</t>
  </si>
  <si>
    <t>海老名</t>
  </si>
  <si>
    <t>大和</t>
  </si>
  <si>
    <t>高田橋水管橋補修塗装工事</t>
  </si>
  <si>
    <t>海老名水道営業所管内水管橋塗装工事</t>
  </si>
  <si>
    <t>寒川浄水場活性炭注入設備修理工事</t>
  </si>
  <si>
    <t>寒川第3浄水場沈澱池他修繕工事</t>
  </si>
  <si>
    <t>谷ケ原浄水場ほか水質計器更新工事</t>
  </si>
  <si>
    <t>谷ケ原浄水場フロキュレータ駆動部修理工事</t>
  </si>
  <si>
    <t>道志調整池堆積土砂しゅんせつ工事</t>
  </si>
  <si>
    <t>道志ダム網場補修工事</t>
  </si>
  <si>
    <t>城山ダム下流左岸崩落防止工事</t>
  </si>
  <si>
    <t>相模川水系ダム管理事務所分館ダム管理装置更新工事</t>
  </si>
  <si>
    <t>城山貯水池堆積土砂しゅんせつ工事</t>
  </si>
  <si>
    <t>エアレーション機械設備補修工事</t>
  </si>
  <si>
    <t>寒川堆砂処理施設土砂処理及び排水管補修工事</t>
  </si>
  <si>
    <t>水位局導水管内部土砂除去工事</t>
  </si>
  <si>
    <t>茅ヶ崎市柳島地内</t>
  </si>
  <si>
    <t>葉山町長柄地内</t>
  </si>
  <si>
    <t>相模原市中央区横山台2丁目20番付近</t>
  </si>
  <si>
    <t>山梨県上野原市上野原地内</t>
  </si>
  <si>
    <t>鎌倉市今泉台4丁目7番付近</t>
  </si>
  <si>
    <t>藤沢市遠藤地内</t>
  </si>
  <si>
    <t>海老名市大谷482番地付近</t>
  </si>
  <si>
    <t>綾瀬市吉岡1689番地付近</t>
  </si>
  <si>
    <t>相模原市緑区佐野川983</t>
  </si>
  <si>
    <t>足柄上郡山北町神尾田734</t>
  </si>
  <si>
    <t>相模原市緑区三井地内</t>
  </si>
  <si>
    <t>相模原市緑区青根地先</t>
  </si>
  <si>
    <t>相模原市緑区城山地先</t>
  </si>
  <si>
    <t>大野土建（株）</t>
  </si>
  <si>
    <t>（株）水栄</t>
  </si>
  <si>
    <t>（株）富士土建</t>
  </si>
  <si>
    <t>（株）豊設備</t>
  </si>
  <si>
    <t>津久井開発（株）</t>
  </si>
  <si>
    <t>（株）祥和工務店</t>
  </si>
  <si>
    <t>関東設備工業（株）</t>
  </si>
  <si>
    <t>（株）明真</t>
  </si>
  <si>
    <t>山口設備工業（株）</t>
  </si>
  <si>
    <t>（株）田所工業</t>
  </si>
  <si>
    <t>（株）小山水道建設</t>
  </si>
  <si>
    <t>三伸建設（株）</t>
  </si>
  <si>
    <t>（有）大松工業</t>
  </si>
  <si>
    <t>須藤工業（株）</t>
  </si>
  <si>
    <t>（有）森村工業</t>
  </si>
  <si>
    <t>山内建設（株）</t>
  </si>
  <si>
    <t>（株）米持工業</t>
  </si>
  <si>
    <t>葉山設備工業（株）</t>
  </si>
  <si>
    <t>森山建設（株）</t>
  </si>
  <si>
    <t>ライフライン湘南（株）</t>
  </si>
  <si>
    <t>伊澤建設（株）</t>
  </si>
  <si>
    <t>（有）加藤工務店</t>
  </si>
  <si>
    <t>（有）丸栄設備</t>
  </si>
  <si>
    <t>神奈川山菱設備（株）</t>
  </si>
  <si>
    <t>（株）日本ビオトープ</t>
  </si>
  <si>
    <t>山岸塗装（株）</t>
  </si>
  <si>
    <t>（有）ＨＡＳ</t>
  </si>
  <si>
    <t>西進開発（株）</t>
  </si>
  <si>
    <t>（株）ヒロズ</t>
  </si>
  <si>
    <t>（株）ミツワ設備</t>
  </si>
  <si>
    <t>龍王土木（有）</t>
  </si>
  <si>
    <t>東翔工業（有）</t>
  </si>
  <si>
    <t>（株）山口設備工業</t>
  </si>
  <si>
    <t>（株）芳賀建設</t>
  </si>
  <si>
    <t>（有）志方工業</t>
  </si>
  <si>
    <t>（有）丸由</t>
  </si>
  <si>
    <t>（株）菊地建設興業</t>
  </si>
  <si>
    <t>原設備工業（株）</t>
  </si>
  <si>
    <t>（株）山源建設</t>
  </si>
  <si>
    <t>（株）エス・アイ・シー</t>
  </si>
  <si>
    <t>三平電気（株）</t>
  </si>
  <si>
    <t>（株）大塚工電社</t>
  </si>
  <si>
    <t>（株）磯村</t>
  </si>
  <si>
    <t>理水化学（株）</t>
  </si>
  <si>
    <t>日本防蝕工業（株）</t>
  </si>
  <si>
    <t>（有）ラテラル・テック</t>
  </si>
  <si>
    <t>木下建設（株）</t>
  </si>
  <si>
    <t>（株）串田重機</t>
  </si>
  <si>
    <t>（株）坂口電設</t>
  </si>
  <si>
    <t>三菱電機プラントエンジニアリング（株）</t>
  </si>
  <si>
    <t>（株）東光高岳</t>
  </si>
  <si>
    <t>ＮＥＣプラットフォームズ（株）</t>
  </si>
  <si>
    <t>（株）テクニカルサービス</t>
  </si>
  <si>
    <t>（株）下田組</t>
  </si>
  <si>
    <t>サガミ計測（株）</t>
  </si>
  <si>
    <t>（合）土木田羽根</t>
  </si>
  <si>
    <t>（株）光電社</t>
  </si>
  <si>
    <t>（有）ブラフマン</t>
  </si>
  <si>
    <t>荏原実業（株）</t>
  </si>
  <si>
    <t>（株）電業社機械製作所</t>
  </si>
  <si>
    <t>東京支社</t>
  </si>
  <si>
    <t>パブリック事業部門</t>
  </si>
  <si>
    <t>関東支店</t>
  </si>
  <si>
    <t>しゅんせつ</t>
  </si>
  <si>
    <t>令和７年度完成工事工種一覧</t>
    <rPh sb="0" eb="2">
      <t>レイワ</t>
    </rPh>
    <rPh sb="3" eb="4">
      <t>ネン</t>
    </rPh>
    <rPh sb="4" eb="5">
      <t>ド</t>
    </rPh>
    <rPh sb="5" eb="7">
      <t>カンセイ</t>
    </rPh>
    <rPh sb="7" eb="9">
      <t>コウジ</t>
    </rPh>
    <rPh sb="9" eb="11">
      <t>コウシュ</t>
    </rPh>
    <rPh sb="11" eb="13">
      <t>イチラン</t>
    </rPh>
    <phoneticPr fontId="1"/>
  </si>
  <si>
    <t>平塚市田村～浅間町地内基幹管路更新工事（第1工区）公共</t>
  </si>
  <si>
    <t>平塚市中里～立野町地内</t>
  </si>
  <si>
    <t>二本松配水本管基幹管路更新工事(第3工区)</t>
  </si>
  <si>
    <t>茅ヶ崎市赤羽根～東海岸基幹管路更新工事(第6工区)(概数設計)</t>
  </si>
  <si>
    <t>茅ヶ崎市平和町地内</t>
  </si>
  <si>
    <t>大塚送水管(大和)基幹管路更新工事(第3工区)</t>
  </si>
  <si>
    <t>座間市小松原1丁目地内</t>
  </si>
  <si>
    <t>柳島支管基幹管路更新工事（第2工区）（概数設計）</t>
  </si>
  <si>
    <t>国府配水池（1号池）耐震補強工事　公共</t>
  </si>
  <si>
    <t>大磯町石神台2丁目地内</t>
  </si>
  <si>
    <t>茅ヶ崎送水管基幹管路更新工事（第2工区）（推進）</t>
  </si>
  <si>
    <t>茅ヶ崎市堤地内</t>
  </si>
  <si>
    <t>浄明寺送水管基幹管路更新工事（第2工区）</t>
  </si>
  <si>
    <t>鎌倉市浄明寺2丁目地内</t>
  </si>
  <si>
    <t>厚木市小野～愛甲基幹管路更新工事(第6工区)</t>
  </si>
  <si>
    <t>厚木市愛甲西1丁目地内</t>
  </si>
  <si>
    <t>大和南部配水本管基幹管路撤去工事(第1工区)(概数設計)</t>
  </si>
  <si>
    <t>大和市渋谷3丁目地内</t>
  </si>
  <si>
    <t>平塚1号基幹管路撤去工事(第6工区)</t>
  </si>
  <si>
    <t>平塚市龍城ヶ丘地内</t>
  </si>
  <si>
    <t>稲荷～鵠沼海岸基幹管路更新工事(第3工区)</t>
  </si>
  <si>
    <t>藤沢市本鵠沼3丁目地内</t>
  </si>
  <si>
    <t>藤沢市石川～西俣野基幹管路撤去工事(第2工区)（ゼロ県債）</t>
  </si>
  <si>
    <t>藤沢市亀井野～石川地内</t>
  </si>
  <si>
    <t>大塚送水管（大和）基幹管路更新工事(第4工区)（ゼロ県債）公共</t>
  </si>
  <si>
    <t>座間市小松原2丁目地内</t>
  </si>
  <si>
    <t>中荻野送水管基幹管路更新工事(第8工区)（ゼロ県債）公共</t>
  </si>
  <si>
    <t>中荻野送水管基幹管路更新工事(第16工区)（ゼロ県債）公共</t>
  </si>
  <si>
    <t>大塚系配水本管（湘南台）基幹管路更新工事(第2工区)（ゼロ県債）公共</t>
  </si>
  <si>
    <t>藤沢市遠藤・石川6丁目地内</t>
  </si>
  <si>
    <t>高森配水池流出管更新工事(第2工区)（ゼロ県債）公共</t>
  </si>
  <si>
    <t>伊勢原市高森地内</t>
  </si>
  <si>
    <t>上今泉支管基幹管路更新工事(第9工区)（ゼロ県債）公共</t>
  </si>
  <si>
    <t>海老名市上今泉5丁目地内</t>
  </si>
  <si>
    <t>二本松配水本管基幹管路更新工事(第7工区)（ゼロ県債）公共</t>
  </si>
  <si>
    <t>一色送水管基幹管路更新工事(第7工区その2)（ゼロ県債）公共</t>
  </si>
  <si>
    <t>茅ヶ崎送水管基幹管路更新工事(第7工区)公共</t>
  </si>
  <si>
    <t>茅ヶ崎市赤羽根～東海岸基幹管路更新工事(第4工区その2)（推進）</t>
  </si>
  <si>
    <t>茅ヶ崎市松が丘地内</t>
  </si>
  <si>
    <t>湘南台1号基幹管路撤去工事(第1工区)</t>
  </si>
  <si>
    <t>藤沢市石川地内</t>
  </si>
  <si>
    <t>茅ヶ崎送水管基幹管路更新工事(第4工区)（概数設計）公共</t>
  </si>
  <si>
    <t>基地局無線設備更新工事</t>
  </si>
  <si>
    <t>足柄上郡山北町玄倉立間548-5ほか</t>
  </si>
  <si>
    <t>相模原市中央区陽光台１丁目21番付近配水管改良工事（概数設計）</t>
  </si>
  <si>
    <t>相模原市中央区陽光台1丁目21番付近</t>
  </si>
  <si>
    <t>相模原市中央区田名6195番地付近配水管改良工事(概数設計)</t>
  </si>
  <si>
    <t>相模原市中央区田名6195番地付近</t>
  </si>
  <si>
    <t>相模原市中央区中央3丁目3番付近配水管改良工事(概数設計)</t>
  </si>
  <si>
    <t>相模原市中央区中央3丁目3番付近</t>
  </si>
  <si>
    <t>相模原市中央区陽光台2丁目27番付近配水管改良工事（概数設計）</t>
  </si>
  <si>
    <t>相模原市中央区陽光台2丁目27番付近</t>
  </si>
  <si>
    <t>相模原市中央区淵野辺4丁目4番付近配水管改良工事（概数設計）（ゼロ県債）公共</t>
  </si>
  <si>
    <t>相模原市中央区淵野辺4丁目4番付近</t>
  </si>
  <si>
    <t>相模原市中央区相模原2丁目8番付近配水管改良工事(概数設計)(ゼロ県債)</t>
  </si>
  <si>
    <t>相模原市中央区相模原2丁目8番付近</t>
  </si>
  <si>
    <t>相模原市中央区横山台2丁目20番付近配水管改良工事(概数設計)(ゼロ県債)</t>
  </si>
  <si>
    <t>相模原市中央区相模原7丁目4番付近配水管改良工事　公共</t>
  </si>
  <si>
    <t>相模原市中央区相模原7丁目4番付近</t>
  </si>
  <si>
    <t>相模原市中央区田名2711番地付近配水管改良工事（概数設計）</t>
  </si>
  <si>
    <t>相模原市中央区田名2711番地付近</t>
  </si>
  <si>
    <t>相模原市中央区共和2丁目17番付近配水管改良工事（概数設計）</t>
  </si>
  <si>
    <t>相模原市中央区共和2丁目17番付近</t>
  </si>
  <si>
    <t>相模原市中央区淵野辺5丁目3番付近配水管改良工事（概数設計）</t>
  </si>
  <si>
    <t>相模原市中央区淵野辺5丁目3番付近</t>
  </si>
  <si>
    <t>相模原市中央区陽光台1丁目2番付近配水管改良工事（概数設計）</t>
  </si>
  <si>
    <t>相模原市中央区陽光台1丁目2番付近</t>
  </si>
  <si>
    <t>相模原市中央区清新8丁目16番付近配水管改良工事（概数設計）公共</t>
  </si>
  <si>
    <t>相模原市中央区清新8丁目16番付近</t>
  </si>
  <si>
    <t>相模原市緑区下九沢1523番地付近配水管改良工事（概数設計）</t>
  </si>
  <si>
    <t>相模原市緑区下九沢1523番地付近</t>
  </si>
  <si>
    <t>相模原市中央区田名1869番地付近配水管改良工事（概数設計）</t>
  </si>
  <si>
    <t>相模原市中央区田名1869番地付近</t>
  </si>
  <si>
    <t>相模原市中央区陽光台6丁目11番付近配水管改良工事（概数設計）</t>
  </si>
  <si>
    <t>相模原市中央区陽光台6丁目11番付近</t>
  </si>
  <si>
    <t>相模原市中央区共和2丁目2番付近配水管改良工事（概数設計）</t>
  </si>
  <si>
    <t>相模原市中央区共和2丁目2番付近</t>
  </si>
  <si>
    <t>相模原市中央区上溝5丁目11番付近配水管改良工事（概数設計）</t>
  </si>
  <si>
    <t>相模原市中央区上溝5丁目11番付近</t>
  </si>
  <si>
    <t>相模原市中央区田名6660番地付近送水管撤去工事</t>
  </si>
  <si>
    <t>相模原市中央区田名6660番地付近</t>
  </si>
  <si>
    <t>相模原水道営業所管内水管橋（上部工）耐震補強工事（藤橋・虹吹橋）</t>
  </si>
  <si>
    <t>相模原市中央区上溝地内</t>
  </si>
  <si>
    <t>相模原市中央区相模原2丁目19番付近配水管改良工事（概数設計）</t>
  </si>
  <si>
    <t>相模原市中央区相模原2丁目19番付近</t>
  </si>
  <si>
    <t>相模原市中央区清新7丁目10番付近配水管改良工事（概数設計）</t>
  </si>
  <si>
    <t>相模原市中央区清新7丁目10番付近</t>
  </si>
  <si>
    <t>相模原市中央区上溝3956番地付近配水管改良工事（概数設計）</t>
  </si>
  <si>
    <t>相模原市中央区上溝3956番地付近</t>
  </si>
  <si>
    <t>相模原市中央区田名地内（高田橋水管橋）</t>
  </si>
  <si>
    <t>相模原市中央区光が丘3丁目6番付近配水管改良工事（概数設計）</t>
  </si>
  <si>
    <t>相模原市中央区光が丘3丁目6番付近</t>
  </si>
  <si>
    <t>相模原市中央区宮下本町3丁目25番付近配水管改良工事（概数設計）</t>
  </si>
  <si>
    <t>相模原市中央区宮下本町3丁目25番付近</t>
  </si>
  <si>
    <t>相模原市中央区田名2085番地付近配水管改良工事（概数設計）</t>
  </si>
  <si>
    <t>相模原市中央区田名2085番地付近</t>
  </si>
  <si>
    <t>相模原市中央区陽光台4丁目18番付近配水管改良工事（概数設計）</t>
  </si>
  <si>
    <t>相模原市中央区陽光台4丁目18番付近</t>
  </si>
  <si>
    <t>相模原市緑区橋本5丁目19番付近配水管改良工事（概数設計）</t>
  </si>
  <si>
    <t>相模原市緑区橋本5丁目19番付近</t>
  </si>
  <si>
    <t>相模原市中央区氷川町12番付近配水管改良工事（概数設計）</t>
  </si>
  <si>
    <t>相模原市中央区氷川町12番付近</t>
  </si>
  <si>
    <t>相模原市南区当麻2422番地付近配水管改良工事(概数設計)</t>
  </si>
  <si>
    <t>相模原市南区当麻2422番地付近</t>
  </si>
  <si>
    <t>相模原市南区上鶴間本町3丁目1番付近配水管改良工事</t>
  </si>
  <si>
    <t>相模原市南区上鶴間本町3丁目1番付近</t>
  </si>
  <si>
    <t>相模原市南区古淵3丁目21番付近配水管改良工事(概数設計)</t>
  </si>
  <si>
    <t>相模原市南区古淵3丁目21番付近</t>
  </si>
  <si>
    <t>相模原市南区南台6丁目5番付近配水管改良工事(概数設計)</t>
  </si>
  <si>
    <t>相模原市南区南台6丁目5番付近</t>
  </si>
  <si>
    <t>相模原市南区豊町14番地付近配水管改良工事（概数設計）（ゼロ県債）</t>
  </si>
  <si>
    <t>相模原市南区豊町14番地付近</t>
  </si>
  <si>
    <t>相模原市南区東林間6丁目9番付近配水管改良工事（概数設計）（ゼロ県債）公共</t>
  </si>
  <si>
    <t>相模原市南区東林間6丁目9番付近</t>
  </si>
  <si>
    <t>相模原市南区相武台2丁目2番付近配水管改良工事(概数設計)(ゼロ県債)</t>
  </si>
  <si>
    <t>相模原市南区相武台2丁目2番付近</t>
  </si>
  <si>
    <t>相模原市南区大野台4丁目23番付近配水管改良工事（概数設計）（ゼロ県債）</t>
  </si>
  <si>
    <t>相模原市南区大野台4丁目23番付近</t>
  </si>
  <si>
    <t>相模原市南区上鶴間6丁目22番付近配水管改良工事（概数設計）</t>
  </si>
  <si>
    <t>相模原市南区上鶴間6丁目22番付近</t>
  </si>
  <si>
    <t>相模原市南区相模台1丁目16番付近配水管改良工事（概数設計）</t>
  </si>
  <si>
    <t>相模原市南区相模台1丁目16番付近</t>
  </si>
  <si>
    <t>相模原市南区相模台団地7番地付近配水管改良工事（概数設計）</t>
  </si>
  <si>
    <t>相模原市南区相模台団地7番地付近</t>
  </si>
  <si>
    <t>相模原市南区上鶴間本町5丁目7番付近配水管改良工事（概数設計）</t>
  </si>
  <si>
    <t>相模原市南区上鶴間本町5丁目7番付近</t>
  </si>
  <si>
    <t>相模原市南区南台4丁目11番付近配水管改良工事（概数設計）</t>
  </si>
  <si>
    <t>相模原市南区南台4丁目11番付近</t>
  </si>
  <si>
    <t>相模原市南区上鶴間本町1丁目17番付近配水管改良工事（概数設計）</t>
  </si>
  <si>
    <t>相模原市南区上鶴間本町1丁目17番付近</t>
  </si>
  <si>
    <t>相模原市南区若松3丁目33番付近配水管改良工事（概数設計）</t>
  </si>
  <si>
    <t>相模原市南区若松3丁目33番付近</t>
  </si>
  <si>
    <t>相模原市南区御園5丁目9番付近配水管改良工事（概数設計）公共</t>
  </si>
  <si>
    <t>相模原市南区御園5丁目9番付近</t>
  </si>
  <si>
    <t>相模原市南区上鶴間本町9丁目31番付近配水管切回工事（公共下水）</t>
  </si>
  <si>
    <t>相模原市南区上鶴間本町9丁目31番付近</t>
  </si>
  <si>
    <t>相模原市南区上鶴間本町8丁目22番付近配水管改良工事（概数設計）</t>
  </si>
  <si>
    <t>相模原市南区上鶴間本町8丁目22番付近</t>
  </si>
  <si>
    <t>相模原市南区磯部1909番地付近配水管改良工事</t>
  </si>
  <si>
    <t>相模原市南区磯部1909番地付近</t>
  </si>
  <si>
    <t>相模原市南区上鶴間7丁目14番付近配水管切回工事（概数設計）（公共下水）</t>
  </si>
  <si>
    <t>相模原市南区上鶴間7丁目14番付近</t>
  </si>
  <si>
    <t>相模原市南区相模大野6丁目6番付近配水管改良工事（概数設計）</t>
  </si>
  <si>
    <t>相模原市南区相模大野6丁目6番付近</t>
  </si>
  <si>
    <t>相模原市南区北里2丁目9番付近配水管切回工事（道路改良）（概数設計）</t>
  </si>
  <si>
    <t>相模原市南区北里2丁目9番付近</t>
  </si>
  <si>
    <t>相模原市緑区太井438番地付近配水管改良工事(概数設計)</t>
  </si>
  <si>
    <t>相模原市緑区太井438番地付近</t>
  </si>
  <si>
    <t>相模原市緑区中野1097番地付近配水管改良工事(概数設計)</t>
  </si>
  <si>
    <t>相模原市緑区中野1097番地付近</t>
  </si>
  <si>
    <t>相模原市緑区谷ヶ原2丁目8番付近配水管改良工事(概数設計)</t>
  </si>
  <si>
    <t>相模原市緑区谷ヶ原2丁目8番付近</t>
  </si>
  <si>
    <t>相模原市緑区千木良1240番地付近配水管改良工事(概数設計)</t>
  </si>
  <si>
    <t>相模原市緑区千木良1240番地付近</t>
  </si>
  <si>
    <t>相模原市緑区鳥屋2847番地付近配水管切回工事(中央新幹線)(概数設計)(ゼロ県債)</t>
  </si>
  <si>
    <t>相模原市緑区鳥屋2847番地付近</t>
  </si>
  <si>
    <t>桃山配水池流入管改良工事(第7工区)(ゼロ県債)</t>
  </si>
  <si>
    <t>山梨県上野原市上野原8289番地付近</t>
  </si>
  <si>
    <t>相模原市緑区青山636番地付近配水管切回工事（中央新幹線）（概数設計）</t>
  </si>
  <si>
    <t>相模原市緑区青山636番地付近</t>
  </si>
  <si>
    <t>相模原市緑区青山2872番地付近配水管切回工事(中央新幹線)(概数設計)</t>
  </si>
  <si>
    <t>相模原市緑区青山2872番地付近</t>
  </si>
  <si>
    <t>相模原市緑区城山1丁目13番付近配水管改良工事（概数設計）</t>
  </si>
  <si>
    <t>相模原市緑区城山1丁目13番付近</t>
  </si>
  <si>
    <t>相模原市緑区又野283番地付近配水管改良工事（概数設計）</t>
  </si>
  <si>
    <t>相模原市緑区又野283番地付近</t>
  </si>
  <si>
    <t>桃山配水池流入管改良工事（第5工区）（概数設計）</t>
  </si>
  <si>
    <t>相模原市緑区小倉391番地付近配水管改良工事（概数設計）</t>
  </si>
  <si>
    <t>相模原市緑区小倉391番地付近</t>
  </si>
  <si>
    <t>青山川水管橋耐震補強工事　公共</t>
  </si>
  <si>
    <t>相模原市緑区青山地内</t>
  </si>
  <si>
    <t>相模原市緑区佐野川3484番地付近配水管改良工事（概数設計）</t>
  </si>
  <si>
    <t>相模原市緑区佐野川3484番地付近</t>
  </si>
  <si>
    <t>相模原市緑区三ヶ木546番地付近配水管布設工事（概数設計）公共</t>
  </si>
  <si>
    <t>相模原市緑区三ヶ木546番地付近</t>
  </si>
  <si>
    <t>相模原市緑区川尻4176番地付近配水管改良工事</t>
  </si>
  <si>
    <t>相模原市緑区川尻4176番地付近</t>
  </si>
  <si>
    <t>相模原市緑区与瀬217番地付近配水管改良工事（概数設計）</t>
  </si>
  <si>
    <t>相模原市緑区与瀬217番地付近</t>
  </si>
  <si>
    <t>相模原市緑区中野1681番地付近配水管改良工事（概数設計）</t>
  </si>
  <si>
    <t>相模原市緑区中野1681番地付近</t>
  </si>
  <si>
    <t>相模原市緑区川尻5174番地付近配水管布設工事（概数設計）</t>
  </si>
  <si>
    <t>相模原市緑区川尻5174番地付近</t>
  </si>
  <si>
    <t>鎌倉市由比ガ浜4丁目6番付近仕切弁増設工事</t>
  </si>
  <si>
    <t>鎌倉市由比ガ浜4丁目6番付近</t>
  </si>
  <si>
    <t>鎌倉市台2丁目16番付近配水管改良工事（概数設計）</t>
  </si>
  <si>
    <t>鎌倉市台2丁目16番付近</t>
  </si>
  <si>
    <t>逗子市池子2丁目6番付近配水管改良工事(概数設計)</t>
  </si>
  <si>
    <t>逗子市池子2丁目6番付近</t>
  </si>
  <si>
    <t>鎌倉市岡本2丁目6番付近配水管改良工事(概数設計)</t>
  </si>
  <si>
    <t>鎌倉市岡本2丁目6番付近</t>
  </si>
  <si>
    <t>鎌倉市腰越1588番地付近配水管改良工事(概数設計)</t>
  </si>
  <si>
    <t>鎌倉市腰越1588番地付近</t>
  </si>
  <si>
    <t>逗子市逗子6丁目11番付近配水管改良工事（概数設計）</t>
  </si>
  <si>
    <t>逗子市逗子6丁目11番付近</t>
  </si>
  <si>
    <t>鎌倉市七里ガ浜1丁目9番付近配水管布設工事（概数設計）</t>
  </si>
  <si>
    <t>鎌倉市七里ガ浜1丁目9番付近</t>
  </si>
  <si>
    <t>逗子市久木8丁目14番付近配水管改良工事(概数設計)(ゼロ県債)</t>
  </si>
  <si>
    <t>逗子市久木8丁目14番付近</t>
  </si>
  <si>
    <t>鎌倉市七里ガ浜東3丁目17番付近配水管改良工事(概数設計)(ゼロ県債)</t>
  </si>
  <si>
    <t>鎌倉市七里ガ浜東3丁目17番付近</t>
  </si>
  <si>
    <t>逗子市沼間6丁目4番付近配水管改良工事（概数設計）（ゼロ県債）</t>
  </si>
  <si>
    <t>逗子市沼間6丁目4番付近</t>
  </si>
  <si>
    <t>鎌倉市今泉台5丁目10番付近配水管改良工事（概数設計）（ゼロ県債）</t>
  </si>
  <si>
    <t>鎌倉市今泉台5丁目10番付近</t>
  </si>
  <si>
    <t>鎌倉市梶原3丁目11番付近配水管改良工事（概数設計）（ゼロ県債）</t>
  </si>
  <si>
    <t>鎌倉市梶原3丁目11番付近</t>
  </si>
  <si>
    <t>鎌倉市稲村ガ崎3丁目13番付近配水管改良工事(概数設計)(ゼロ県債)</t>
  </si>
  <si>
    <t>鎌倉市稲村ガ崎3丁目13番付近</t>
  </si>
  <si>
    <t>鎌倉市津602番地付近配水管改良工事（概数設計）</t>
  </si>
  <si>
    <t>鎌倉市津602番地付近</t>
  </si>
  <si>
    <t>逗子市小坪3丁目22番付近配水管改良工事（概数設計）</t>
  </si>
  <si>
    <t>逗子市小坪3丁目22番付近</t>
  </si>
  <si>
    <t>鎌倉市城廻636番地付近配水管改良工事（概数設計）</t>
  </si>
  <si>
    <t>鎌倉市城廻636番地付近</t>
  </si>
  <si>
    <t>逗子市沼間1丁目21番付近配水管改良工事（概数設計）</t>
  </si>
  <si>
    <t>逗子市沼間1丁目21番付近</t>
  </si>
  <si>
    <t>鎌倉市津1069番地付近配水管改良工事（概数設計）</t>
  </si>
  <si>
    <t>鎌倉市津1069番地付近</t>
  </si>
  <si>
    <t>鎌倉市玉縄2丁目16番付近配水管改良工事（概数設計）</t>
  </si>
  <si>
    <t>鎌倉市玉縄2丁目16番付近</t>
  </si>
  <si>
    <t>逗子市小坪3丁目26番付近配水管改良工事（概数設計）</t>
  </si>
  <si>
    <t>逗子市小坪3丁目26番付近</t>
  </si>
  <si>
    <t>鎌倉市今泉台3丁目17番付近配水管改良工事（概数設計）</t>
  </si>
  <si>
    <t>鎌倉市今泉台3丁目17番付近</t>
  </si>
  <si>
    <t>逗子市桜山4丁目15番付近配水管改良工事（概数設計）</t>
  </si>
  <si>
    <t>逗子市桜山4丁目15番付近</t>
  </si>
  <si>
    <t>鎌倉市梶原2丁目9番付近配水管改良工事（概数設計）</t>
  </si>
  <si>
    <t>鎌倉市梶原2丁目9番付近</t>
  </si>
  <si>
    <t>鎌倉市今泉台4丁目7番付近配水管改良工事（概数設計）</t>
  </si>
  <si>
    <t>鎌倉市台4丁目18番付近配水管改良工事（概数設計）</t>
  </si>
  <si>
    <t>鎌倉市台4丁目18番付近</t>
  </si>
  <si>
    <t>葉山町堀内2050番地付近配水管改良工事（概数設計）公共</t>
  </si>
  <si>
    <t>葉山町堀内2050番地付近</t>
  </si>
  <si>
    <t>鎌倉市岡本1丁目8番付近配水管改良工事（概数設計）</t>
  </si>
  <si>
    <t>鎌倉市岡本1丁目8番付近</t>
  </si>
  <si>
    <t>逗子市久木2丁目2番付近配水管改良工事（概数設計）公共</t>
  </si>
  <si>
    <t>逗子市久木2丁目2番付近</t>
  </si>
  <si>
    <t>逗子市小坪6丁目8番付近配水管改良工事（概数設計）</t>
  </si>
  <si>
    <t>逗子市小坪6丁目8番付近</t>
  </si>
  <si>
    <t>葉山町一色1819番地付近配水管改良工事（概数設計）公共</t>
  </si>
  <si>
    <t>葉山町一色1819番地付近</t>
  </si>
  <si>
    <t>鎌倉市由比ガ浜4丁目1番付近配水管改良工事　公共</t>
  </si>
  <si>
    <t>鎌倉市由比ガ浜4丁目1番付近</t>
  </si>
  <si>
    <t>鎌倉市七里ガ浜東4丁目37番付近配水管改良工事（概数設計）</t>
  </si>
  <si>
    <t>鎌倉市七里ガ浜東4丁目37番付近</t>
  </si>
  <si>
    <t>逗子市逗子5丁目1番付近配水管試掘工事</t>
  </si>
  <si>
    <t>逗子市逗子5丁目1番付近</t>
  </si>
  <si>
    <t>逗子市久木8丁目8番付近配水管改良工事（概数設計）</t>
  </si>
  <si>
    <t>逗子市久木8丁目8番付近</t>
  </si>
  <si>
    <t>鎌倉水道営業所管内（逗子）水管橋塗膜除去工事</t>
  </si>
  <si>
    <t>三浦郡葉山町堀内857地内</t>
  </si>
  <si>
    <t>藤沢市南藤沢22番付近配水管改良工事（概数設計）（ゼロ県債）</t>
  </si>
  <si>
    <t>藤沢市南藤沢22番付近</t>
  </si>
  <si>
    <t>藤沢市みその台4番付近配水管改良工事（DB方式）</t>
  </si>
  <si>
    <t>藤沢市みその台4番付近</t>
  </si>
  <si>
    <t>高山橋水管橋耐震補強(上部工)工事</t>
  </si>
  <si>
    <t>藤沢市辻堂新町4丁目2番付近</t>
  </si>
  <si>
    <t>藤沢市大鋸3丁目5番付近配水管布設工事</t>
  </si>
  <si>
    <t>藤沢市大鋸3丁目5番付近</t>
  </si>
  <si>
    <t>藤沢市鵠沼海岸7丁目11番付近配水管改良工事(概数設計)</t>
  </si>
  <si>
    <t>藤沢市鵠沼海岸7丁目11番付近</t>
  </si>
  <si>
    <t>藤沢市辻堂元町4丁目16番付近配水管改良工事（概数設計）</t>
  </si>
  <si>
    <t>藤沢市辻堂元町4丁目16番付近</t>
  </si>
  <si>
    <t>藤沢市鵠沼藤が谷3丁目11番付近配水管改良工事(概数設計)</t>
  </si>
  <si>
    <t>藤沢市鵠沼藤が谷3丁目11番付近</t>
  </si>
  <si>
    <t>藤沢市湘南台6丁目1番付近配水管改良工事</t>
  </si>
  <si>
    <t>藤沢市湘南台6丁目1番付近</t>
  </si>
  <si>
    <t>藤沢市下土棚1635番地付近配水管改良工事（概数設計）</t>
  </si>
  <si>
    <t>藤沢市下土棚1635番地付近</t>
  </si>
  <si>
    <t>藤沢市湘南台6丁目8番付近配水管改良工事(概数設計)</t>
  </si>
  <si>
    <t>藤沢市湘南台6丁目8番付近</t>
  </si>
  <si>
    <t>藤沢市大鋸1丁目1番付近配水管改良工事(ゼロ県債)</t>
  </si>
  <si>
    <t>藤沢市大鋸1丁目1番付近</t>
  </si>
  <si>
    <t>藤沢市辻堂東海岸1丁目7番付近配水管改良工事（概数設計）（ゼロ県債）</t>
  </si>
  <si>
    <t>藤沢市辻堂東海岸1丁目7番付近</t>
  </si>
  <si>
    <t>藤沢市本藤沢3丁目13番付近配水管改良工事（概数設計）（ゼロ県債）</t>
  </si>
  <si>
    <t>藤沢市本藤沢3丁目13番付近</t>
  </si>
  <si>
    <t>藤沢市片瀬海岸3丁目9番付近配水管改良工事（概数設計）（ゼロ県債）</t>
  </si>
  <si>
    <t>藤沢市片瀬海岸3丁目9番付近</t>
  </si>
  <si>
    <t>藤沢市辻堂新町3丁目7番付近配水管改良工事（概数設計）（ゼロ県債）公共</t>
  </si>
  <si>
    <t>藤沢市辻堂新町3丁目7番付近</t>
  </si>
  <si>
    <t>藤沢水道営業所6階空調設備更新工事（ゼロ県債）</t>
  </si>
  <si>
    <t>藤沢市鵠沼石上2丁目6－1（藤沢水道営業所）</t>
  </si>
  <si>
    <t>藤沢市辻堂新町1丁目14番付近配水管切回工事（公共下水）</t>
  </si>
  <si>
    <t>藤沢市辻堂新町1丁目14番付近</t>
  </si>
  <si>
    <t>藤沢市本藤沢5丁目6番付近配水管切回工事（公共下水）</t>
  </si>
  <si>
    <t>藤沢市本藤沢5丁目6番付近</t>
  </si>
  <si>
    <t>藤沢市村岡東4丁目2番付近配水管改良工事（概数設計）</t>
  </si>
  <si>
    <t>藤沢市村岡東4丁目2番付近</t>
  </si>
  <si>
    <t>藤沢市南藤沢19番付近配水管改良工事（概数設計）公共</t>
  </si>
  <si>
    <t>藤沢市南藤沢19番付近</t>
  </si>
  <si>
    <t>藤沢市片瀬山5丁目21番付近配水管改良工事</t>
  </si>
  <si>
    <t>藤沢市片瀬山5丁目21番付近</t>
  </si>
  <si>
    <t>藤沢市藤沢1丁目11番付近配水管改良工事（概数設計）</t>
  </si>
  <si>
    <t>藤沢市藤沢1丁目11番付近</t>
  </si>
  <si>
    <t>藤沢市大鋸1021番地付近配水管改良工事（概数設計）</t>
  </si>
  <si>
    <t>藤沢市大鋸1021番地付近</t>
  </si>
  <si>
    <t>藤沢市渡内2丁目3番付近配水管改良工事</t>
  </si>
  <si>
    <t>藤沢市渡内2丁目3番付近</t>
  </si>
  <si>
    <t>藤沢市渡内3丁目11番付近配水管改良工事（概数設計）</t>
  </si>
  <si>
    <t>藤沢市渡内3丁目11番付近</t>
  </si>
  <si>
    <t>藤沢市片瀬3丁目4番付近配水管改良工事（概数設計）</t>
  </si>
  <si>
    <t>藤沢市片瀬3丁目4番付近</t>
  </si>
  <si>
    <t>藤沢市鵠沼松が岡1丁目10番付近配水管改良工事</t>
  </si>
  <si>
    <t>藤沢市鵠沼松が岡1丁目10番付近</t>
  </si>
  <si>
    <t>藤沢市円行1880番地付近配水管改良工事（概数設計）（ゼロ県債）</t>
  </si>
  <si>
    <t>藤沢市円行1880番地付近</t>
  </si>
  <si>
    <t>藤沢市湘南台2丁目7番付近配水管改良工事（概数設計）（ゼロ県債）</t>
  </si>
  <si>
    <t>藤沢市湘南台2丁目7番付近</t>
  </si>
  <si>
    <t>藤沢市遠藤641番地付近配水管改良工事（概数設計）公共</t>
  </si>
  <si>
    <t>藤沢市遠藤641番地付近</t>
  </si>
  <si>
    <t>藤沢市北部第二（三地区）土地区画整理事業特別給水装置（第1回）工事（概数設計）</t>
  </si>
  <si>
    <t>藤沢市下土棚1997番地付近</t>
  </si>
  <si>
    <t>藤沢市石川4073番地付近配水管改良工事</t>
  </si>
  <si>
    <t>藤沢市石川4073番地付近</t>
  </si>
  <si>
    <t>藤沢市湘南台3丁目21番付近配水管改良工事（概数設計）</t>
  </si>
  <si>
    <t>藤沢市湘南台3丁目21番付近</t>
  </si>
  <si>
    <t>藤沢市北部第二（三地区）土地区画整理事業特別給水装置（第2回）工事（概数設計）</t>
  </si>
  <si>
    <t>藤沢市葛原2506番地付近</t>
  </si>
  <si>
    <t>藤沢市高倉1114番地付近配水管改良工事（概数設計）</t>
  </si>
  <si>
    <t>藤沢市高倉1114番地付近</t>
  </si>
  <si>
    <t>藤沢市北部第二（三地区）土地区画整理事業特別給水装置（第3回）工事（概数設計）</t>
  </si>
  <si>
    <t>藤沢市下土棚1547番地付近</t>
  </si>
  <si>
    <t>茅ヶ崎市松尾4番付近配水管改良工事（概数設計）</t>
  </si>
  <si>
    <t>茅ヶ崎市松尾4番付近</t>
  </si>
  <si>
    <t>茅ヶ崎市萩園913番地付近配水管改良工事(概数設計)</t>
  </si>
  <si>
    <t>茅ヶ崎市萩園913番地付近</t>
  </si>
  <si>
    <t>寒川町一之宮4丁目18番付近配水管改良工事(概数設計)</t>
  </si>
  <si>
    <t>寒川町一之宮4丁目18番付近</t>
  </si>
  <si>
    <t>茅ヶ崎市甘沼163番地付近配水管改良工事（概数設計）</t>
  </si>
  <si>
    <t>茅ヶ崎市甘沼１６３番地付近</t>
  </si>
  <si>
    <t>茅ヶ崎市浜之郷1177番地付近配水管改良工事(概数設計)(ゼロ県債)</t>
  </si>
  <si>
    <t>茅ヶ崎市浜之郷1177番地付近</t>
  </si>
  <si>
    <t>茅ヶ崎市南湖6丁目5番付近配水管改良工事(ゼロ県債)</t>
  </si>
  <si>
    <t>茅ヶ崎市南湖6丁目5番付近</t>
  </si>
  <si>
    <t>茅ヶ崎市柳島海岸11番地付近配水管改良工事（概数設計）（ゼロ県債）</t>
  </si>
  <si>
    <t>茅ヶ崎市柳島海岸11番地付近</t>
  </si>
  <si>
    <t>茅ヶ崎市高田4丁目11番付近配水管改良工事(概数設計)(ゼロ県債)</t>
  </si>
  <si>
    <t>茅ヶ崎市高田4丁目11番付近</t>
  </si>
  <si>
    <t>寒川町宮山1923番地付近配水管改良工事（ゼロ県債）公共</t>
  </si>
  <si>
    <t>寒川町宮山1923番地付近</t>
  </si>
  <si>
    <t>茅ヶ崎市幸町4番地付近配水管改良工事(概数設計)(ゼロ県債)公共</t>
  </si>
  <si>
    <t>茅ヶ崎市幸町4番地付近</t>
  </si>
  <si>
    <t>茅ヶ崎市浜竹3丁目5番付近配水管切回工事(公共下水)</t>
  </si>
  <si>
    <t>茅ヶ崎市浜竹3丁目5番付近</t>
  </si>
  <si>
    <t>茅ヶ崎市南湖5丁目13番付近配水管改良工事（概数設計）</t>
  </si>
  <si>
    <t>茅ヶ崎市南湖5丁目13番付近</t>
  </si>
  <si>
    <t>茅ヶ崎市南湖3丁目9番付近配水管改良工事（概数設計）</t>
  </si>
  <si>
    <t>茅ヶ崎市南湖3丁目9番付近</t>
  </si>
  <si>
    <t>茅ヶ崎市平和町1番地付近配水管布設工事</t>
  </si>
  <si>
    <t>茅ヶ崎市平和町1番地付近</t>
  </si>
  <si>
    <t>茅ヶ崎市下町屋2丁目10番付近配水管改良工事（概数設計）</t>
  </si>
  <si>
    <t>茅ヶ崎市下町屋2丁目10番付近</t>
  </si>
  <si>
    <t>茅ヶ崎市元町8番地付近配水管改良工事（概数設計）</t>
  </si>
  <si>
    <t>茅ヶ崎市元町8番地付近</t>
  </si>
  <si>
    <t>寒川町宮山3480番地付近配水管改良工事（概数設計）</t>
  </si>
  <si>
    <t>寒川町宮山3480番地付近</t>
  </si>
  <si>
    <t>茅ヶ崎市浜之郷1176番地付近配水管改良工事（概数設計）</t>
  </si>
  <si>
    <t>茅ヶ崎市浜之郷1176番地付近</t>
  </si>
  <si>
    <t>茅ヶ崎市東海岸南1丁目13番付近配水管改良工事</t>
  </si>
  <si>
    <t>茅ヶ崎市東海岸南1丁目13番付近</t>
  </si>
  <si>
    <t>茅ヶ崎市中海岸2丁目5番付近配水管改良工事（概数設計）</t>
  </si>
  <si>
    <t>茅ヶ崎市中海岸2丁目5番付近</t>
  </si>
  <si>
    <t>茅ヶ崎市中海岸4丁目2番付近配水管改良工事（概数設計）</t>
  </si>
  <si>
    <t>茅ヶ崎市中海岸4丁目2番付近</t>
  </si>
  <si>
    <t>茅ヶ崎市赤松町4番付近配水管切回工事（公共下水）</t>
  </si>
  <si>
    <t>茅ヶ崎市赤松町4番付近</t>
  </si>
  <si>
    <t>茅ヶ崎市今宿130番地付近配水管切回工事（公共下水）</t>
  </si>
  <si>
    <t>茅ヶ崎市今宿130番地付近</t>
  </si>
  <si>
    <t>茅ヶ崎市旭が丘5番地付近配水管改良工事（概数設計）</t>
  </si>
  <si>
    <t>茅ヶ崎市旭が丘5番地付近</t>
  </si>
  <si>
    <t>茅ケ崎水道営業所管内大型（双口）空気弁取替工事</t>
  </si>
  <si>
    <t>茅ケ崎水道営業所管内</t>
  </si>
  <si>
    <t>茅ヶ崎市室田2丁目9番付近他試掘工事</t>
  </si>
  <si>
    <t>寒川町一之宮1丁目19番付近配水管切回工事（公共下水）</t>
  </si>
  <si>
    <t>寒川町一之宮1丁目19番付近</t>
  </si>
  <si>
    <t>茅ケ崎水道営業所管内給水管閉塞（撤去）工事</t>
  </si>
  <si>
    <t>平塚市東八幡1丁目1番付近配水管改良工事(概数設計)</t>
  </si>
  <si>
    <t>平塚市東八幡1丁目1番付近</t>
  </si>
  <si>
    <t>二宮町山西1474番地付近配水管改良工事(概数設計)</t>
  </si>
  <si>
    <t>二宮町山西1474番地付近</t>
  </si>
  <si>
    <t>平塚市榎木町2番付近配水管改良工事(概数設計)</t>
  </si>
  <si>
    <t>平塚市榎木町2番付近</t>
  </si>
  <si>
    <t>小田原市前川896番地付近配水管改良工事(概数設計)</t>
  </si>
  <si>
    <t>小田原市前川896番地付近</t>
  </si>
  <si>
    <t>二宮町百合が丘1丁目12番付近配水管改良工事(概数設計)</t>
  </si>
  <si>
    <t>二宮町百合が丘1丁目12番付近</t>
  </si>
  <si>
    <t>平塚市四之宮2丁目11番付近配水管改良工事(概数設計)</t>
  </si>
  <si>
    <t>平塚市四之宮2丁目11番付近</t>
  </si>
  <si>
    <t>平塚市岡崎5800番地付近配水管改良工事(概数設計)</t>
  </si>
  <si>
    <t>平塚市岡崎5800番地付近</t>
  </si>
  <si>
    <t>大磯町国府新宿611番地付近配水管改良工事（概数設計）</t>
  </si>
  <si>
    <t>大磯町国府新宿611番地付近</t>
  </si>
  <si>
    <t>二宮町中里1075番地付近配水管改良工事(概数設計)(ゼロ県債)</t>
  </si>
  <si>
    <t>二宮町中里1075番地付近</t>
  </si>
  <si>
    <t>小田原市小竹681番地付近配水管改良工事(概数設計)(ゼロ県債)</t>
  </si>
  <si>
    <t>小田原市小竹681番地付近</t>
  </si>
  <si>
    <t>平塚市東真土2丁目18番付近配水管改良工事(概数設計)(ゼロ県債)</t>
  </si>
  <si>
    <t>平塚市東真土2丁目18番付近</t>
  </si>
  <si>
    <t>平塚市四之宮1丁目7番付近配水管改良工事（概数設計）（ゼロ県債）</t>
  </si>
  <si>
    <t>平塚市四之宮1丁目7番付近</t>
  </si>
  <si>
    <t>平塚市真田2丁目26番付近配水管改良工事(概数設計)(ゼロ県債)</t>
  </si>
  <si>
    <t>平塚市真田2丁目26番付近</t>
  </si>
  <si>
    <t>大磯町月京6番付近配水管切回工事（河川改修）</t>
  </si>
  <si>
    <t>大磯町月京6番</t>
  </si>
  <si>
    <t>二宮町二宮833番地付近配水管切回工事（公共下水）</t>
  </si>
  <si>
    <t>二宮町二宮833番地付近</t>
  </si>
  <si>
    <t>大磯町西久保49番地付近配水管改良工事（概数設計）</t>
  </si>
  <si>
    <t>大磯町西久保49番地付近</t>
  </si>
  <si>
    <t>大磯町月京18番付近配水管改良工事（概数設計）公共</t>
  </si>
  <si>
    <t>大磯町月京18番付近</t>
  </si>
  <si>
    <t>小田原市小船178番地付近配水管改良工事（概数設計）公共</t>
  </si>
  <si>
    <t>小田原市小船178番地付近</t>
  </si>
  <si>
    <t>大磯町国府新宿727番地付近配水管切回工事（公共下水）</t>
  </si>
  <si>
    <t>大磯町国府新宿727番地付近</t>
  </si>
  <si>
    <t>二宮町百合が丘1丁目14番付近配水管改良工事（概数設計）公共</t>
  </si>
  <si>
    <t>二宮町百合が丘1丁目14番付近</t>
  </si>
  <si>
    <t>平塚水道営業所管内（平塚）空気弁等点検整備工事</t>
  </si>
  <si>
    <t>平塚市内</t>
  </si>
  <si>
    <t>平塚市四之宮4丁目19番付近配水管改良工事（概数設計）公共</t>
  </si>
  <si>
    <t>平塚市四之宮4丁目19番付近</t>
  </si>
  <si>
    <t>平塚市吉際13番付近配水管改良工事（概数設計）</t>
  </si>
  <si>
    <t>平塚市吉際13番付近</t>
  </si>
  <si>
    <t>大磯町寺坂531番地付近配水管改良工事（概数設計）</t>
  </si>
  <si>
    <t>大磯町寺坂531番地付近</t>
  </si>
  <si>
    <t>厚木市三田3丁目14番付近配水管改良工事(概数設計)</t>
  </si>
  <si>
    <t>厚木市三田3丁目14番付近</t>
  </si>
  <si>
    <t>厚木市七沢804番地付近配水管改良工事(概数設計)</t>
  </si>
  <si>
    <t>厚木市七沢804番地付近</t>
  </si>
  <si>
    <t>厚木市上依知2692番地付近配水管改良工事(概数設計)</t>
  </si>
  <si>
    <t>厚木市上依知2692番地付近</t>
  </si>
  <si>
    <t>厚木市金田343番地付近配水管布設工事（概数設計）</t>
  </si>
  <si>
    <t>厚木市金田343番地付近</t>
  </si>
  <si>
    <t>愛川町中津6983番地付近配水管切回工事(公共下水)</t>
  </si>
  <si>
    <t>愛川町中津6983番地付近</t>
  </si>
  <si>
    <t>厚木市飯山1034番地付近配水管改良工事(概数設計)</t>
  </si>
  <si>
    <t>厚木市飯山1034番地付近</t>
  </si>
  <si>
    <t>厚木市飯山南2丁目30番付近配水管改良工事（概数設計）</t>
  </si>
  <si>
    <t>厚木市飯山南2丁目30番付近</t>
  </si>
  <si>
    <t>厚木市旭町2丁目9番付近配水管改良工事（概数設計）</t>
  </si>
  <si>
    <t>厚木市旭町2丁目9番付近</t>
  </si>
  <si>
    <t>伊勢原市大山600番地付近配水管改良工事(概数設計)</t>
  </si>
  <si>
    <t>伊勢原市大山600番地付近</t>
  </si>
  <si>
    <t>伊勢原市上粕屋137番地付近配水管切回工事(新東名)</t>
  </si>
  <si>
    <t>伊勢原市上粕屋137番地付近</t>
  </si>
  <si>
    <t>伊勢原市桜台1丁目30番付近配水管改良工事(概数設計)</t>
  </si>
  <si>
    <t>伊勢原市桜台1丁目30番付近</t>
  </si>
  <si>
    <t>伊勢原市白根340番地付近配水管改良工事(概数設計)</t>
  </si>
  <si>
    <t>伊勢原市白根340番地付近</t>
  </si>
  <si>
    <t>伊勢原市小稲葉264番地付近配水管改良工事（概数設計）</t>
  </si>
  <si>
    <t>伊勢原市小稲葉264番地付近</t>
  </si>
  <si>
    <t>愛川町中津2047番地付近配水管改良工事（概数設計）（ゼロ県債）公共</t>
  </si>
  <si>
    <t>愛川町中津2047番地付近</t>
  </si>
  <si>
    <t>厚木市下荻野630番地付近配水管改良工事(概数設計)(ゼロ県債)公共</t>
  </si>
  <si>
    <t>厚木市下荻野630番地付近</t>
  </si>
  <si>
    <t>厚木市温水1773番地付近配水管改良工事(概数設計)(ゼロ県債)</t>
  </si>
  <si>
    <t>厚木市温水1773番地付近</t>
  </si>
  <si>
    <t>厚木市飯山4285番地付近配水管改良工事(概数設計)(ゼロ県債)</t>
  </si>
  <si>
    <t>厚木市飯山4285番地付近</t>
  </si>
  <si>
    <t>厚木市三田1984番地付近配水管切回工事（厚木秦野道路）</t>
  </si>
  <si>
    <t>厚木市三田1984番地付近</t>
  </si>
  <si>
    <t>厚木市山際245番地付近配水管改良工事（概数設計）</t>
  </si>
  <si>
    <t>厚木市山際245番地付近</t>
  </si>
  <si>
    <t>厚木市飯山南3丁目10番付近配水管改良工事（概数設計）</t>
  </si>
  <si>
    <t>厚木市飯山南3丁目10番付近</t>
  </si>
  <si>
    <t>厚木市七沢175番地付近配水管改良工事（概数設計）</t>
  </si>
  <si>
    <t>厚木市七沢175番地付近</t>
  </si>
  <si>
    <t>愛川町中津2773番地付近配水管改良工事</t>
  </si>
  <si>
    <t>愛川町中津2773番地付近</t>
  </si>
  <si>
    <t>厚木市上古沢742番地付近配水管改良工事</t>
  </si>
  <si>
    <t>厚木市上古沢742番地付近</t>
  </si>
  <si>
    <t>厚木市旭町5丁目16番付近配水管改良工事（概数設計）</t>
  </si>
  <si>
    <t>厚木市旭町5丁目16番付近</t>
  </si>
  <si>
    <t>厚木市下荻野1464番地付近配水管改良工事（概数設計）</t>
  </si>
  <si>
    <t>厚木市下荻野1464番地付近</t>
  </si>
  <si>
    <t>厚木市下古沢666番地付近配水管切回工事（道路改良）</t>
  </si>
  <si>
    <t>厚木市下古沢666番地付近</t>
  </si>
  <si>
    <t>厚木市寿町3丁目9番付近配水管改良工事（概数設計）</t>
  </si>
  <si>
    <t>厚木市寿町3丁目9番付近</t>
  </si>
  <si>
    <t>厚木市金田364番地付近配水管布設工事（概数設計）</t>
  </si>
  <si>
    <t>厚木市金田364番地付近</t>
  </si>
  <si>
    <t>厚木市旭町1丁目22番付近配水管改良工事（概数設計）</t>
  </si>
  <si>
    <t>厚木市旭町1丁目22番付近</t>
  </si>
  <si>
    <t>伊勢原市高森81番地付近配水管改良工事（概数設計）（ゼロ県債）</t>
  </si>
  <si>
    <t>伊勢原市高森81番地付近</t>
  </si>
  <si>
    <t>伊勢原市鈴川46番地付近配水管布設工事（ゼロ県債）</t>
  </si>
  <si>
    <t>伊勢原市鈴川46番地付近</t>
  </si>
  <si>
    <t>伊勢原市池端197番地付近配水管改良工事(概数設計)(ゼロ県債)公共</t>
  </si>
  <si>
    <t>伊勢原市池端197番地付近</t>
  </si>
  <si>
    <t>伊勢原市高森1245番地付近配水管改良工事</t>
  </si>
  <si>
    <t>伊勢原市高森1245番地付近</t>
  </si>
  <si>
    <t>伊勢原市高森台1丁目13番付近配水管改良工事（概数設計）</t>
  </si>
  <si>
    <t>伊勢原市高森台1丁目13番付近</t>
  </si>
  <si>
    <t>伊勢原市沼目3丁目15番付近外配水管改良工事（概数設計）</t>
  </si>
  <si>
    <t>伊勢原市沼目3丁目15番付近外</t>
  </si>
  <si>
    <t>伊勢原大山インター土地区画整理事業特別給水装置工事（鋼管）（その2）</t>
  </si>
  <si>
    <t>伊勢原市上粕屋1429番地付近</t>
  </si>
  <si>
    <t>伊勢原市田中1194番地付近配水管改良工事</t>
  </si>
  <si>
    <t>伊勢原市田中1194番地付近</t>
  </si>
  <si>
    <t>伊勢原市上粕屋557番地付近配水管改良工事（概数設計）</t>
  </si>
  <si>
    <t>伊勢原市上粕屋557番地付近</t>
  </si>
  <si>
    <t>伊勢原市岡崎6677番地付近配水管改良工事（概数設計）</t>
  </si>
  <si>
    <t>伊勢原市岡崎6677番地付近</t>
  </si>
  <si>
    <t>伊勢原市上粕屋1506番地付近配水管改良工事（概数設計）</t>
  </si>
  <si>
    <t>伊勢原市上粕屋1506番地付近</t>
  </si>
  <si>
    <t>伊勢原市岡崎6991番地付近配水管布設工事（概数設計）</t>
  </si>
  <si>
    <t>伊勢原市岡崎6991番地付近</t>
  </si>
  <si>
    <t>伊勢原市上粕屋327番地付近配水管切回工事（公共下水）</t>
  </si>
  <si>
    <t>伊勢原市上粕屋327番地付近</t>
  </si>
  <si>
    <t>海老名市東柏ヶ谷5丁目17番付近配水管改良工事（概数設計）</t>
  </si>
  <si>
    <t>海老名市東柏ヶ谷5丁目17番付近</t>
  </si>
  <si>
    <t>綾瀬市綾西4丁目2番付近配水管改良工事(概数設計)</t>
  </si>
  <si>
    <t>綾瀬市綾西4丁目2番付近</t>
  </si>
  <si>
    <t>海老名市国分寺台5丁目6番付近配水管改良工事（概数設計）</t>
  </si>
  <si>
    <t>海老名市国分寺台5丁目6番付近</t>
  </si>
  <si>
    <t>綾瀬市綾西3丁目6番付近配水管改良工事（概数設計）</t>
  </si>
  <si>
    <t>綾瀬市綾西3丁目6番付近</t>
  </si>
  <si>
    <t>綾瀬市大上4丁目8番付近配水管改良工事(概数設計)</t>
  </si>
  <si>
    <t>綾瀬市大上4丁目8番付近</t>
  </si>
  <si>
    <t>綾瀬市綾西3丁目3番付近配水管改良工事（概数設計）（ゼロ県債）</t>
  </si>
  <si>
    <t>綾瀬市綾西3丁目3番付近</t>
  </si>
  <si>
    <t>綾瀬市深谷南1丁目5番付近配水管改良工事（概数設計）公共</t>
  </si>
  <si>
    <t>綾瀬市深谷南1丁目5番付近</t>
  </si>
  <si>
    <t>海老名市国分北2丁目17番付近配水管改良工事（概数設計）公共</t>
  </si>
  <si>
    <t>海老名市国分北2丁目17番付近</t>
  </si>
  <si>
    <t>海老名市中央5丁目3番付近配水管改良工事（概数設計）公共</t>
  </si>
  <si>
    <t>海老名市中央5丁目3番付近</t>
  </si>
  <si>
    <t>海老名市柏ヶ谷600番地付近配水管改良工事（減圧弁設置）</t>
  </si>
  <si>
    <t>海老名市柏ヶ谷600番地付近</t>
  </si>
  <si>
    <t>海老名市大谷482番地付近配水管切回工事（河川）</t>
  </si>
  <si>
    <t>綾瀬市小園南1丁目5番付近配水管改良工事（概数設計）</t>
  </si>
  <si>
    <t>綾瀬市小園南1丁目5番付近</t>
  </si>
  <si>
    <t>綾瀬市落合南4丁目2番付近配水管改良工事（概数設計）</t>
  </si>
  <si>
    <t>綾瀬市落合南4丁目2番付近</t>
  </si>
  <si>
    <t>海老名市今里1丁目13番付近配水管改良工事（概数設計）</t>
  </si>
  <si>
    <t>海老名市今里1丁目13番付近</t>
  </si>
  <si>
    <t>綾瀬市落合北5丁目10番付近配水管改良工事（概数設計）</t>
  </si>
  <si>
    <t>綾瀬市落合北5丁目10番付近</t>
  </si>
  <si>
    <t>綾瀬市上土棚中6丁目10番付近配水管改良工事（概数設計）</t>
  </si>
  <si>
    <t>綾瀬市上土棚中6丁目10番付近</t>
  </si>
  <si>
    <t>海老名市国分南1丁目19番付近配水管改良工事（概数設計）</t>
  </si>
  <si>
    <t>海老名市国分南1丁目19番付近</t>
  </si>
  <si>
    <t>綾瀬市寺尾台2丁目22番付近配水管改良工事（概数設計）</t>
  </si>
  <si>
    <t>綾瀬市寺尾台2丁目22番付近</t>
  </si>
  <si>
    <t>綾瀬市綾西地内配水量メータバイパス管布設工事</t>
  </si>
  <si>
    <t>綾瀬市綾西地内</t>
  </si>
  <si>
    <t>海老名市柏ケ谷470番地付近配水管改良工事（概数設計）</t>
  </si>
  <si>
    <t>海老名市柏ケ谷470番地付近</t>
  </si>
  <si>
    <t>綾瀬市吉岡1689番地付近配水管改良工事（水管橋）</t>
  </si>
  <si>
    <t>海老名水道営業所管内大型（双口）空気弁取替工事</t>
  </si>
  <si>
    <t>海老名水道営業所管内</t>
  </si>
  <si>
    <t>綾瀬市吉岡1284番地先、綾瀬市本蓼川456番地先</t>
  </si>
  <si>
    <t>大和市南林間2丁目19番付近配水管切回工事(道路)</t>
  </si>
  <si>
    <t>大和市南林間2丁目19番付近</t>
  </si>
  <si>
    <t>大和市上和田1825番地付近配水管改良工事(概数設計)</t>
  </si>
  <si>
    <t>大和市上和田1825番地付近</t>
  </si>
  <si>
    <t>大和市上和田597番地付近配水管改良工事(概数設計)</t>
  </si>
  <si>
    <t>大和市上和田597番地付近</t>
  </si>
  <si>
    <t>大和市南林間1丁目7番付近配水管改良工事(概数設計)</t>
  </si>
  <si>
    <t>大和市南林間1丁目7番付近</t>
  </si>
  <si>
    <t>大和市深見西4丁目7番付近配水管改良工事(概数設計)</t>
  </si>
  <si>
    <t>大和市深見西4丁目7番付近</t>
  </si>
  <si>
    <t>大和市つきみ野3丁目25番付近配水管改良工事(概数設計)</t>
  </si>
  <si>
    <t>大和市つきみ野3丁目25番付近</t>
  </si>
  <si>
    <t>大和市西鶴間2丁目10番付近配水管改良工事(概数設計)</t>
  </si>
  <si>
    <t>大和市西鶴間2丁目10番付近</t>
  </si>
  <si>
    <t>大和市福田3997番地付近配水管改良工事（概数設計）（ゼロ県債）</t>
  </si>
  <si>
    <t>大和市福田3997番地付近</t>
  </si>
  <si>
    <t>大和市南林間2丁目18番付近配水管切回工事（道路）（ゼロ県債）</t>
  </si>
  <si>
    <t>大和市南林間2丁目18番付近</t>
  </si>
  <si>
    <t>大和市上和田1018番地付近配水管布設工事(概数設計)(ゼロ県債)</t>
  </si>
  <si>
    <t>大和市上和田1018番地付近</t>
  </si>
  <si>
    <t>大和市福田1324番地付近配水管改良工事（概数設計）</t>
  </si>
  <si>
    <t>大和市福田1324番地付近</t>
  </si>
  <si>
    <t>大和市深見3551番地付近配水管改良工事（概数設計）</t>
  </si>
  <si>
    <t>大和市深見3551番地付近</t>
  </si>
  <si>
    <t>大和市福田1239番地付近配水管布設工事（概数設計）</t>
  </si>
  <si>
    <t>大和市福田1239番地付近</t>
  </si>
  <si>
    <t>大和市中央林間4丁目14番付近配水管改良工事（概数設計）公共</t>
  </si>
  <si>
    <t>大和市中央林間4丁目14番付近</t>
  </si>
  <si>
    <t>大和市上和田1773番地付近配水管改良工事（概数設計）</t>
  </si>
  <si>
    <t>大和市上和田1773番地付近</t>
  </si>
  <si>
    <t>大和市下和田844番地付近配水管改良工事（概数設計）</t>
  </si>
  <si>
    <t>大和市下和田844番地付近</t>
  </si>
  <si>
    <t>大和市深見501番地付近配水管改良工事（概数設計）</t>
  </si>
  <si>
    <t>大和市深見501番地付近</t>
  </si>
  <si>
    <t>大和市鶴間2丁目13番付近配水管改良工事（概数設計）</t>
  </si>
  <si>
    <t>大和市鶴間2丁目13番付近</t>
  </si>
  <si>
    <t>大和市西鶴間2丁目20番付近配水管改良工事（概数設計）</t>
  </si>
  <si>
    <t>大和市西鶴間2丁目20番付近</t>
  </si>
  <si>
    <t>大和市中央林間西4丁目7番付近配水管撤去工事（概数設計）</t>
  </si>
  <si>
    <t>大和市中央林間西4丁目7番付近</t>
  </si>
  <si>
    <t>大和市大和東2丁目5番付近配水管改良工事（概数設計）</t>
  </si>
  <si>
    <t>大和市大和東2丁目5番付近</t>
  </si>
  <si>
    <t>大和市深見3839番地付近配水管切回工事（公共下水）</t>
  </si>
  <si>
    <t>大和市深見3839番地付近</t>
  </si>
  <si>
    <t>二本松加圧ポンプ所電気設備更新工事</t>
  </si>
  <si>
    <t>茅ケ崎市堤75</t>
  </si>
  <si>
    <t>寒川第3浄水場非常用発電設備制御盤修理工事</t>
  </si>
  <si>
    <t>寒川第3浄水場Ｂ群ろ過池洗浄排水扉更新工事</t>
  </si>
  <si>
    <t>稲荷ポンプ所加圧ポンプ設備更新工事</t>
  </si>
  <si>
    <t>藤沢市稲荷1-9（稲荷ポンプ所）</t>
  </si>
  <si>
    <t>藤沢水道営業所電気設備更新工事</t>
  </si>
  <si>
    <t>藤沢市鵠沼石上2丁目6-1</t>
  </si>
  <si>
    <t>150MHz無線設備更新工事</t>
  </si>
  <si>
    <t>寒川浄水場ろ過池回転表洗管更新工事</t>
  </si>
  <si>
    <t>及川ポンプ所ポンプ設備更新工事</t>
  </si>
  <si>
    <t>厚木市及川1-17-3　及川ポンプ所</t>
  </si>
  <si>
    <t>稲荷加圧ポンプ所回転数制御装置修理工事</t>
  </si>
  <si>
    <t>配水運用システム改修工事</t>
  </si>
  <si>
    <t>寒川浄水場高感度濁度計更新工事</t>
  </si>
  <si>
    <t>海老名水道営業所電気設備改修工事</t>
  </si>
  <si>
    <t>海老名市上郷717　海老名水道営業所</t>
    <rPh sb="13" eb="18">
      <t>スイ</t>
    </rPh>
    <phoneticPr fontId="3"/>
  </si>
  <si>
    <t>寒川第3浄水場建物改修工事</t>
  </si>
  <si>
    <t>一色配水池緊急遮断弁設備更新工事（電気）</t>
  </si>
  <si>
    <t>三浦郡葉山町一色70-5</t>
  </si>
  <si>
    <t>杉久保加圧ポンプ所ほかポンプ設備修理工事</t>
  </si>
  <si>
    <t>海老名市杉久保北3丁目地内　杉久保加圧ポンプ所ほか2か所</t>
  </si>
  <si>
    <t>上今泉配水池無停電電源装置更新工事</t>
  </si>
  <si>
    <t>海老名市上今泉4-22　上今泉配水池</t>
  </si>
  <si>
    <t>厚木低区配水池無停電電源装置更新工事</t>
  </si>
  <si>
    <t>厚木市王子2－1（厚木低区配水池）</t>
  </si>
  <si>
    <t>寒川第3浄水場沈でん池フロキュレータ更新工事</t>
  </si>
  <si>
    <t>鎌倉ポンプ所回転数制御装置修理工事</t>
  </si>
  <si>
    <t>鎌倉市笛田5-38-30　鎌倉ポンプ所</t>
  </si>
  <si>
    <t>及川ポンプ所電気設備更新工事</t>
  </si>
  <si>
    <t>七沢加圧ポンプ所電気設備設置工事（その2）</t>
  </si>
  <si>
    <t>厚木市七沢1933</t>
  </si>
  <si>
    <t>桜山ポンプ所電気設備修理工事</t>
  </si>
  <si>
    <t>逗子市桜山6丁目1356　桜山ポンプ所</t>
  </si>
  <si>
    <t>大庭配水池無停電電源装置更新工事</t>
  </si>
  <si>
    <t>藤沢市大庭3649　大庭配水池</t>
  </si>
  <si>
    <t>七沢加圧ポンプ所電気設備設置工事（その1）</t>
  </si>
  <si>
    <t>厚木市七沢1933　七沢加圧ポンプ所</t>
  </si>
  <si>
    <t>池子ポンプ所ほか有線テレメータ設備更新工事</t>
  </si>
  <si>
    <t>逗子市池子3丁目2－1　池子ポンプ所ほか6か所</t>
  </si>
  <si>
    <t>東小磯ポンプ所電気設備更新工事</t>
  </si>
  <si>
    <t>中郡大磯町678-9　東小磯ポンプ所他1箇所</t>
  </si>
  <si>
    <t>上荻野第1ポンプ所有線テレメータ設備更新工事</t>
  </si>
  <si>
    <t>厚木市上荻野1175-2（上荻野第1ポンプ所）ほか1箇所</t>
  </si>
  <si>
    <t>子易ポンプ所ほか電気設備修理工事</t>
  </si>
  <si>
    <t>伊勢原市子易1789-2　子易ポンプ所ほか1箇所</t>
  </si>
  <si>
    <t>二宮高区配水池ほか緊急遮断弁設備更新工事（電気）</t>
  </si>
  <si>
    <t>中郡二宮町一色301-1　二宮高区配水池ほか1か所</t>
  </si>
  <si>
    <t>七沢加圧ポンプ所新築工事</t>
  </si>
  <si>
    <t>寒川浄水場管内水位計ほか更新工事（その3）（ゼロ県債）</t>
  </si>
  <si>
    <t>小田原市沼代375（沼代配水池）ほか5か所</t>
  </si>
  <si>
    <t>寒川浄水場管内水位計更新工事（その1）（ゼロ県債）</t>
  </si>
  <si>
    <t>海老名市上今泉4-16-29　上今泉配水池ほか4か所</t>
  </si>
  <si>
    <t>寒川浄水場管内水位計更新工事（その2）（ゼロ県債）</t>
  </si>
  <si>
    <t>鎌倉市浄明寺6-20　久木高区配水池ほか2か所</t>
  </si>
  <si>
    <t>上荻野東部揚水ポンプ所耐震補強工事</t>
  </si>
  <si>
    <t>厚木市みはる野1-2-1</t>
  </si>
  <si>
    <t>寒川浄水場ケーブル修理工事</t>
  </si>
  <si>
    <t>移動電源車発電設備修理工事</t>
  </si>
  <si>
    <t>高座郡寒川町宮山4271　寒川浄水場</t>
  </si>
  <si>
    <t>三ノ宮低区配水池ほか無停電電源装置蓄電池更新工事</t>
  </si>
  <si>
    <t>伊勢原市三ノ宮653-1（三ノ宮低区配水池）ほか1か所</t>
  </si>
  <si>
    <t>寒川浄水場管内流量計更新工事（その1）</t>
  </si>
  <si>
    <t>高座郡寒川町一之宮5丁目1番地先</t>
  </si>
  <si>
    <t>鎌倉ポンプ所無停電電源装置蓄電池更新工事</t>
  </si>
  <si>
    <t>鎌倉ポンプ所　鎌倉市笛田5-38-30</t>
  </si>
  <si>
    <t>芹沢ポンプ所高圧ケーブル修理工事</t>
  </si>
  <si>
    <t>茅ケ崎市行谷313　芹沢ポンプ所</t>
  </si>
  <si>
    <t>寒川浄水場計装設備更新工事</t>
  </si>
  <si>
    <t>厚木低区配水池地震計設備更新工事</t>
  </si>
  <si>
    <t>厚木市王子2-1（厚木低区配水池）</t>
  </si>
  <si>
    <t>配水運用システムソフトウェアほか改修工事</t>
  </si>
  <si>
    <t>厚木低区配水池ほか無停電電源装置更新工事</t>
  </si>
  <si>
    <t>厚木市王子2-1　厚木低区配水池ほか5か所</t>
  </si>
  <si>
    <t>稲荷加圧ポンプ所計装監視盤ほか改造工事</t>
  </si>
  <si>
    <t>藤沢市稲荷1-9（稲荷加圧ポンプ所）</t>
  </si>
  <si>
    <t>乾屋敷電動弁施設ほか無停電電源装置更新工事</t>
  </si>
  <si>
    <t>平塚市横内543（乾屋敷電動弁）ほか1か所</t>
  </si>
  <si>
    <t>腰越ポンプ所ほかポンプ設備修理工事</t>
  </si>
  <si>
    <t>鎌倉市西鎌倉2-16　腰越ポンプ所ほか1カ所</t>
  </si>
  <si>
    <t>寒川第3浄水場3号取水ポンプ設備吐出弁更新工事</t>
  </si>
  <si>
    <t>平塚ポンプ所電気設備修理工事</t>
  </si>
  <si>
    <t>平塚市根板間818　平塚ポンプ所</t>
  </si>
  <si>
    <t>寒川第3浄水場4号送水ポンプ設備電動機用始動抵抗器修理工事</t>
  </si>
  <si>
    <t>五領ヶ台加圧ポンプ所ほかポンプ設備修理工事</t>
  </si>
  <si>
    <t>平塚市めぐみが丘1－12－2（五領ヶ台加圧ポンプ所）ほか1か所</t>
  </si>
  <si>
    <t>寒川第3浄水場4号ろ過池改良工事</t>
  </si>
  <si>
    <t>寒川第3浄水場ろ過池管廊等防水工事</t>
  </si>
  <si>
    <t>寒川浄水場管内流量計更新工事（その2）</t>
  </si>
  <si>
    <t>鎌倉市城廻750-1　城廻配水池</t>
  </si>
  <si>
    <t>森の里ポンプ所ほか防食施設外部電源装置更新工事</t>
  </si>
  <si>
    <t>厚木市森の里青山8　森の里ポンプ所ほか2か所</t>
  </si>
  <si>
    <t>寒川浄水場流量計更新工事</t>
  </si>
  <si>
    <t>寒川第2浄水場沈でん池フロキュレータ修理工事</t>
  </si>
  <si>
    <t>寒川浄水場管内ポンプ所囲障整備工事（大和）</t>
  </si>
  <si>
    <t>大和市上草柳1846</t>
  </si>
  <si>
    <t>寒川浄水場管内流量計更新工事（その3）</t>
  </si>
  <si>
    <t>厚木市森の里4-46（森の里高区配水池）</t>
  </si>
  <si>
    <t>平塚配水池ほか入水弁修理工事</t>
  </si>
  <si>
    <t>平塚市上吉沢1689-1　平塚配水池ほか5か所</t>
  </si>
  <si>
    <t>鎌倉揚水ポンプ所建屋防水工事</t>
  </si>
  <si>
    <t>鎌倉市笛田5-38-30</t>
  </si>
  <si>
    <t>寒川浄水場沈砂池整備工事</t>
  </si>
  <si>
    <t>寒川浄水場ろ過池ほか電動弁駆動部修理工事（その1）</t>
  </si>
  <si>
    <t>寒川浄水場無停電電源装置更新工事（その2）</t>
  </si>
  <si>
    <t>寒川第3浄水場ろ過排水設備設置工事(ゼロ県債)</t>
  </si>
  <si>
    <t>谷ケ原浄水場管内緊急遮断弁設備更新工事</t>
  </si>
  <si>
    <t>相模原市緑区谷ヶ原1-3-2　谷ケ原配水池</t>
  </si>
  <si>
    <t>谷ケ原浄水場横流沈澱池排泥弁ほか更新工事</t>
  </si>
  <si>
    <t>相模原市緑区谷ヶ原2－6－1（谷ケ原浄水場）</t>
  </si>
  <si>
    <t>谷ケ原浄水場ほかポンプ設備更新工事</t>
  </si>
  <si>
    <t>相模原市緑区谷ヶ原2-6-1(谷ケ原浄水場)ほか2か所</t>
  </si>
  <si>
    <t>谷ケ原浄水場沈澱池電源盤ほか更新工事</t>
  </si>
  <si>
    <t>相模原市緑区谷ヶ原2-6-1　谷ケ原浄水場</t>
  </si>
  <si>
    <t>谷ヶ原加圧ポンプ所５号ポンプ設備修理工事</t>
  </si>
  <si>
    <t>相模原市緑区谷ヶ原1-3-2　谷ヶ原加圧ポンプ所</t>
  </si>
  <si>
    <t>谷ケ原浄水場本館・新館建屋修繕工事（建築）</t>
  </si>
  <si>
    <t>谷ケ原浄水場災害用備蓄倉庫建屋修繕工事（建築）</t>
  </si>
  <si>
    <t>谷ケ原浄水場ほか電気設備盤修理工事（特高設備ほか）</t>
  </si>
  <si>
    <t>相模原市緑区谷ヶ原2-6-1(谷ケ原浄水場)ほか1か所</t>
  </si>
  <si>
    <t>谷ケ原浄水場ろ過池電動弁（5～8号池）ほか更新工事</t>
  </si>
  <si>
    <t>相模原市緑区谷ヶ原2－6－1　谷ケ原浄水場</t>
  </si>
  <si>
    <t>谷ケ原浄水場管内防食設備更新工事</t>
  </si>
  <si>
    <t>相模原市中央区南橋本3丁目地内　ＪＲ相模線構内</t>
  </si>
  <si>
    <t>小渕加圧ポンプ所ポンプ設備改良工事</t>
  </si>
  <si>
    <t>相模原市緑区小渕1259-2　小渕加圧ポンプ所</t>
  </si>
  <si>
    <t>谷ケ原浄水場流量計ほか更新工事</t>
  </si>
  <si>
    <t>谷ケ原浄水場高速沈澱池排泥弁設備更新工事</t>
  </si>
  <si>
    <t>落合浄水場ほか無停電電源設備更新工事</t>
  </si>
  <si>
    <t>愛川ポンプ所構内電気設備改良工事</t>
  </si>
  <si>
    <t>愛甲郡愛川町角田1065</t>
  </si>
  <si>
    <t>大洞加圧ポンプ所ほかポンプ設備更新工事（ゼロ県債）</t>
  </si>
  <si>
    <t>相模原市緑区佐野川3466-5(大洞加圧ポンプ所)ほか1箇所</t>
  </si>
  <si>
    <t>谷ケ原浄水場管内空調設備更新工事</t>
  </si>
  <si>
    <t>相模原市中央区高根2－1936－2</t>
  </si>
  <si>
    <t>横道ポンプ所ポンプ設備修理工事</t>
  </si>
  <si>
    <t>相模原市緑区与瀬1427　横道ポンプ所</t>
  </si>
  <si>
    <t>谷ケ原浄水場管内防食設備修理工事</t>
  </si>
  <si>
    <t>相模原市緑区谷ヶ原1－3　谷ケ原配水池</t>
  </si>
  <si>
    <t>谷ケ原浄水場活性炭注入設備修理工事</t>
  </si>
  <si>
    <t>谷ケ原浄水場排水処理施設汚泥池流入弁ほか修理工事</t>
  </si>
  <si>
    <t>谷ケ原浄水場緩速ろ過池砂層撤去工事</t>
  </si>
  <si>
    <t>相模原市緑区谷ヶ原2－6－1</t>
  </si>
  <si>
    <t>谷ケ原浄水場管内小水源膜モジュール取替工事（鎌沢浄水場）</t>
  </si>
  <si>
    <t>谷ケ原浄水場急速ろ過池2､4号池更生工事(ゼロ県債)</t>
  </si>
  <si>
    <t>谷ケ原浄水場高感度濁度計修理工事</t>
  </si>
  <si>
    <t>相模原市緑区谷ヶ原2-6-1　(谷ケ原浄水場)</t>
  </si>
  <si>
    <t>城山ダム受変電設備更新工事（公共）</t>
  </si>
  <si>
    <t>相模原市緑区城山2－9－1（他1箇所）</t>
  </si>
  <si>
    <t>城山（発）2号調圧水槽ゲート修理工事</t>
  </si>
  <si>
    <t>相模原市緑区川尻4454－3　城山発電所B1F調圧水槽</t>
  </si>
  <si>
    <t>道志分水槽土砂吐ゲートモータ修理工事</t>
  </si>
  <si>
    <t>相模原市緑区牧野地内　道志分水槽</t>
  </si>
  <si>
    <t>道志第3（発）上水槽除塵設備修理工事</t>
  </si>
  <si>
    <t>相模原市緑区牧野地内　道志第3発電所上水槽</t>
  </si>
  <si>
    <t>曝気第一送気所ほか高圧盤更新工事</t>
  </si>
  <si>
    <t>曝気第一送気所：相模原市緑区太井554、曝気第二送気所：相模原市緑区三井字下久保地内</t>
  </si>
  <si>
    <t>城山ダムほかＩＴＶ設備更新工事</t>
  </si>
  <si>
    <t>城山ダム放流警報設備更新に伴うソフトウェア改修工事</t>
  </si>
  <si>
    <t>相模原市緑区城山2－9－1</t>
  </si>
  <si>
    <t>城山ダム放流警報設備更新工事（小倉・補助板）</t>
  </si>
  <si>
    <t>相模原市緑区谷ケ原2-11-1地先ほか</t>
  </si>
  <si>
    <t>相模ダムリニューアル工事（第1期）機側伝送装置設置工事</t>
  </si>
  <si>
    <t>相模原市緑区若柳地内　相模ダム</t>
  </si>
  <si>
    <t>相模貯水池堆積土砂しゅんせつ工事（ゼロ県債）</t>
  </si>
  <si>
    <t>山梨県上野原市鶴島、相模原市緑区吉野地先他</t>
  </si>
  <si>
    <t>道志第1・3（発）建屋補修工事</t>
  </si>
  <si>
    <t>相模原市緑区牧野6077</t>
  </si>
  <si>
    <t>牧野取水堰排砂路補修工事</t>
  </si>
  <si>
    <t>相模原市緑区牧野地内（道志調整池内）</t>
  </si>
  <si>
    <t>道志第1（発）放水路河床整理工事</t>
  </si>
  <si>
    <t>相模貯水池しゅんせつ土砂処理工事（その1）</t>
  </si>
  <si>
    <t>相模貯水池しゅんせつ土砂処理工事（その2）</t>
  </si>
  <si>
    <t>沢井川陸揚施設搬出道路擁壁改良工事</t>
  </si>
  <si>
    <t>相模原市緑区小渕地内</t>
  </si>
  <si>
    <t>相模貯水池崩落防止工事</t>
  </si>
  <si>
    <t>相模原市緑区与瀬239　相模川水系ダム管理事務所分館ほか4箇所</t>
  </si>
  <si>
    <t>相模湖第3送気所1号コンプレッサ更新工事</t>
  </si>
  <si>
    <t>相模原市緑区日連字宝峯1701　相模湖第3送気所</t>
  </si>
  <si>
    <t>道志ダム内水位計更新工事</t>
  </si>
  <si>
    <t>道志ダム（相模原市緑区牧野長又11147）</t>
  </si>
  <si>
    <t>相模川水系ダム管理事務所他ダムコンネットワーク設備整備工事</t>
  </si>
  <si>
    <t>相模川水系ダム管理事務所他3箇所</t>
  </si>
  <si>
    <t>道志調整池護岸補修工事</t>
  </si>
  <si>
    <t>相模ダム展望施設整備工事</t>
  </si>
  <si>
    <t>相模原市緑区若柳地内</t>
  </si>
  <si>
    <t>相模原市緑区三ケ木地先</t>
  </si>
  <si>
    <t>寒川天日乾燥床テレスコープ弁修理工事</t>
  </si>
  <si>
    <t>高座郡寒川町宮山地内　寒川堆砂処理施設（天日乾燥床）</t>
  </si>
  <si>
    <t>相模川水系ダム管理システム修理工事</t>
  </si>
  <si>
    <t>相模原市緑区城山2-9-1（相模川水系ダム管理事務所）ほか2か所</t>
  </si>
  <si>
    <t>寒川取水堰魚道用照明修理工事</t>
  </si>
  <si>
    <t>高座郡寒川町宮山地内（寒川取水施設取水堰）</t>
  </si>
  <si>
    <t>城山ダム自動水温・水質測定装置修理工事</t>
  </si>
  <si>
    <t>相模原市緑区太井（湖面）ほか3箇所</t>
  </si>
  <si>
    <t>城山ダム下流立入禁止吊り看板補修工事</t>
  </si>
  <si>
    <t>相模原市緑区小倉地内</t>
  </si>
  <si>
    <t>植物浄化施設修理工事（その2）</t>
  </si>
  <si>
    <t>津久井湖エアレーション装置取替工事</t>
  </si>
  <si>
    <t>相模原市緑区三井地内他（津久井湖内）</t>
  </si>
  <si>
    <t>相模原市緑区城山2－9－1　相模川水系ダム管理事務所内事務所送気所他計7箇所</t>
  </si>
  <si>
    <t>城山ダム取水口前流芥処理工事（潜水）</t>
  </si>
  <si>
    <t>寒川沈砂池堆積土砂しゅんせつ工事</t>
  </si>
  <si>
    <t>高座郡寒川町宮山地内　寒川取水施設</t>
  </si>
  <si>
    <t>相模原市南区磯部地先、海老名市河原口地先、厚木市妻田南及び酒井地先</t>
  </si>
  <si>
    <t>丹沢湖堆積土砂処理工事（その1）（ゼロ県債）</t>
  </si>
  <si>
    <t>足柄上郡山北町世附地内（世附仮置場A）</t>
  </si>
  <si>
    <t>早川（発）GIS内部点検手入工事</t>
  </si>
  <si>
    <t>足柄下郡箱根町宮城野921-5（早川発電所）</t>
  </si>
  <si>
    <t>三保ダム流芥処理施設更新工事</t>
  </si>
  <si>
    <t>丹沢湖堆積土砂処理工事（その3）</t>
  </si>
  <si>
    <t>丹沢湖堆積土砂処理工事（その4）</t>
  </si>
  <si>
    <t>丹沢湖堆積土砂処理工事（その5）</t>
  </si>
  <si>
    <t>足柄上郡山北町中川地内及び玄倉地内</t>
  </si>
  <si>
    <t>丹沢湖堆積土砂処理工事（その6）</t>
  </si>
  <si>
    <t>丹沢湖周辺崩落防止工事</t>
  </si>
  <si>
    <t>ダム管理用制御処理設備修理工事</t>
  </si>
  <si>
    <t>監査廊リフト設備更新工事</t>
  </si>
  <si>
    <t>足柄上郡山北町神尾田地内（三保ダム）</t>
  </si>
  <si>
    <t>河床監査廊排水ポンプ設備更新工事（機械）</t>
  </si>
  <si>
    <t>足柄上郡山北町神尾田734　三保ダム地内</t>
  </si>
  <si>
    <t>三保ダム管内監査廊設備更新工事</t>
  </si>
  <si>
    <t>丹沢湖堆積土砂処理工事（その7）</t>
  </si>
  <si>
    <t>河床監査廊排水ポンプ設備更新工事（電気）</t>
  </si>
  <si>
    <t>足柄上郡山北町神尾田734（三保ダム地内）</t>
  </si>
  <si>
    <t>丹沢湖周辺安全管理施設設置工事</t>
  </si>
  <si>
    <t>足柄上郡山北町中川地内</t>
  </si>
  <si>
    <t>底部放流充水装置等更新工事</t>
  </si>
  <si>
    <t>丹沢湖堆積土砂処理工事（その8）</t>
  </si>
  <si>
    <t>大崩土捨場土砂処理工事（その2）</t>
  </si>
  <si>
    <t>足柄上郡山北町川西地内</t>
  </si>
  <si>
    <t>玄倉ダム下流警報装置サイレン更新工事</t>
  </si>
  <si>
    <t>玄倉系発電所伝送制御装置改造工事</t>
  </si>
  <si>
    <t>足柄上郡山北町玄倉597-48　玄倉第2発電所ほか2か所</t>
  </si>
  <si>
    <t>城山（発）154kV母線保護盤ほか更新工事</t>
  </si>
  <si>
    <t>相模（発）154kV送電線用遮断器（O1)更新工事</t>
  </si>
  <si>
    <t>相模原市緑区若柳6－5</t>
  </si>
  <si>
    <t>城山（発）遠隔監視制御装置更新工事</t>
  </si>
  <si>
    <t>相模原市緑区川尻4454-3　発電総合制御所</t>
  </si>
  <si>
    <t>発電総合（制）遠隔監視制御装置更新工事</t>
  </si>
  <si>
    <t>相模原市緑区川尻4454-3（発電総合制御所）他1箇所</t>
  </si>
  <si>
    <t>城山（発）インクライン内部点検手入工事</t>
  </si>
  <si>
    <t>相模原市緑区川尻5894-14（城山発電所インクライン広場）</t>
  </si>
  <si>
    <t>相模（発）特別高圧回路PCB対策工事</t>
  </si>
  <si>
    <t>相模原市緑区若柳6－5相模発電所</t>
  </si>
  <si>
    <t>相模（発）1・2号制御設備修理工事</t>
  </si>
  <si>
    <t>相模原市緑区若柳6－5（相模発電所）</t>
  </si>
  <si>
    <t>津久井（発）分水池水位計更新工事</t>
  </si>
  <si>
    <t>相模原市緑区谷ヶ原2-11-1　津久井発電所</t>
  </si>
  <si>
    <t>道志1(発)固定ストレーナ排砂弁更新工事</t>
  </si>
  <si>
    <t>相模原市緑区牧野字西原6072（道志第1発電所）</t>
  </si>
  <si>
    <t>城山（発）給水ポンプ用ストレーナ用排砂弁修理工事</t>
  </si>
  <si>
    <t>相模原市緑区川尻4454-3（城山発電所）</t>
  </si>
  <si>
    <t>城山（発）予備電源装置内部点検手入工事</t>
  </si>
  <si>
    <t>相模原市緑区川尻4454-3　城山発電所</t>
  </si>
  <si>
    <t>城山（発）主要変圧器用遮断器内部点検手入工事</t>
  </si>
  <si>
    <t>城山（発）18kV遮断器（O32/O32S）内部点検手入工事</t>
  </si>
  <si>
    <t>相模原市緑区川尻4454－3　城山発電所</t>
  </si>
  <si>
    <t>愛川1・2（発）他遠隔監視制御装置IP化改造工事</t>
  </si>
  <si>
    <t>愛川町半原5153（愛川第1発電所）他</t>
  </si>
  <si>
    <t>津久井（発）予備電源蓄電池更新工事</t>
  </si>
  <si>
    <t>東鉄・松尾・折本特定建設工事共同企業体</t>
  </si>
  <si>
    <t>東鉄工業(株)横浜支店</t>
  </si>
  <si>
    <t>（株）藤横緑化土木</t>
  </si>
  <si>
    <t>（有）フジ管工設備</t>
  </si>
  <si>
    <t>（株）小泉建設</t>
  </si>
  <si>
    <t>（株）柏木組土木</t>
  </si>
  <si>
    <t>（株）渡栄土木</t>
  </si>
  <si>
    <t>（株）清川産業</t>
  </si>
  <si>
    <t>浅岡建設（株）</t>
  </si>
  <si>
    <t>（株）入江建設</t>
  </si>
  <si>
    <t>（株）相模水道商会</t>
  </si>
  <si>
    <t>（有）堀央内造園</t>
  </si>
  <si>
    <t>（株）佐野建設</t>
  </si>
  <si>
    <t>（株）中村園</t>
  </si>
  <si>
    <t>（有）山口水道</t>
  </si>
  <si>
    <t>三伸建設(株)</t>
  </si>
  <si>
    <t>（有）山岸産業</t>
  </si>
  <si>
    <t>日相建設（株）</t>
  </si>
  <si>
    <t>（株）菊地原水道</t>
  </si>
  <si>
    <t>(株)葉山管工</t>
  </si>
  <si>
    <t>（有）林工務店</t>
  </si>
  <si>
    <t>デック・西建設・幸徳共同企業体</t>
  </si>
  <si>
    <t>代表企業　(株)デック</t>
  </si>
  <si>
    <t>新都市建設（株）</t>
  </si>
  <si>
    <t>（有）上原工務店</t>
  </si>
  <si>
    <t>（株）勝龍建設</t>
  </si>
  <si>
    <t>（株）湘南いざわ</t>
  </si>
  <si>
    <t>東旺工業（株）</t>
  </si>
  <si>
    <t>（株）ビルドＴ・Ｙ建設</t>
  </si>
  <si>
    <t>中央設備工業（株）</t>
  </si>
  <si>
    <t>（株）ＣＯＲＡＬ</t>
  </si>
  <si>
    <t>（株）日東建設</t>
  </si>
  <si>
    <t>（株）二宮設備工業所</t>
  </si>
  <si>
    <t>大昭設備（株）</t>
  </si>
  <si>
    <t>（有）鈴木組</t>
  </si>
  <si>
    <t>（株）中澤組</t>
  </si>
  <si>
    <t>（有）神田組</t>
  </si>
  <si>
    <t>(株)エスワイ</t>
  </si>
  <si>
    <t>（株）浅沼建設</t>
  </si>
  <si>
    <t>（株）関野工務店</t>
  </si>
  <si>
    <t>（株）安藤組</t>
  </si>
  <si>
    <t>（有）清水総建</t>
  </si>
  <si>
    <t>（株）池田建設</t>
  </si>
  <si>
    <t>（有）末吉設備工業</t>
  </si>
  <si>
    <t>（株）コクエー</t>
  </si>
  <si>
    <t>（有）頼住建設</t>
  </si>
  <si>
    <t>（株）渋谷工務店</t>
  </si>
  <si>
    <t>（株）ケンソー設備</t>
  </si>
  <si>
    <t>（有）東神設備工業</t>
  </si>
  <si>
    <t>（株）小島組</t>
  </si>
  <si>
    <t>（有）岡田工務店</t>
  </si>
  <si>
    <t>（株）高井工務店</t>
  </si>
  <si>
    <t>（有）下山建設</t>
  </si>
  <si>
    <t>（株）幸和建設</t>
  </si>
  <si>
    <t>（有）宮内商店</t>
  </si>
  <si>
    <t>（株）グロリア工芸</t>
  </si>
  <si>
    <t>（株）寺田土木</t>
  </si>
  <si>
    <t>大和市管工事（同）</t>
  </si>
  <si>
    <t>東芝プラントシステム（株）</t>
  </si>
  <si>
    <t>東芝インフラテクノサービス（株）</t>
  </si>
  <si>
    <t>水道機工（株）</t>
  </si>
  <si>
    <t>日新電機（株）</t>
  </si>
  <si>
    <t>（株）神南工務店</t>
  </si>
  <si>
    <t>（株）会津</t>
  </si>
  <si>
    <t>協同電気（株）</t>
  </si>
  <si>
    <t>（株）丘電機</t>
  </si>
  <si>
    <t>（株）ティエスイー</t>
  </si>
  <si>
    <t>神鋼造機(株)</t>
  </si>
  <si>
    <t>（株）トキワ電気工業所</t>
  </si>
  <si>
    <t>（株）ＪＲＣ</t>
  </si>
  <si>
    <t>（株）ミヤケ電池サービス</t>
  </si>
  <si>
    <t>（株）エバジツ</t>
  </si>
  <si>
    <t>（株）明電エンジニアリング</t>
  </si>
  <si>
    <t>（株）堀本工務店</t>
  </si>
  <si>
    <t>（株）ケンモチ電機</t>
  </si>
  <si>
    <t>（株）ジェイ</t>
  </si>
  <si>
    <t>（株）ジンソー</t>
  </si>
  <si>
    <t>日本ギア工業（株）</t>
  </si>
  <si>
    <t>藤沢事業所</t>
  </si>
  <si>
    <t>（株）エスオー</t>
  </si>
  <si>
    <t>（有）イーアンドエス</t>
  </si>
  <si>
    <t>ヒカリ電設（株）</t>
  </si>
  <si>
    <t>（株）インテック</t>
  </si>
  <si>
    <t>（株）精巧舎</t>
  </si>
  <si>
    <t>（株）前澤エンジニアリングサービス</t>
  </si>
  <si>
    <t>（株）タケミ・コーポレーション</t>
  </si>
  <si>
    <t>日本自動機工（株）</t>
  </si>
  <si>
    <t>（有）藤野電工</t>
  </si>
  <si>
    <t>ミナモト通信（株）</t>
  </si>
  <si>
    <t>戸田建設（株）</t>
  </si>
  <si>
    <t>（株）アコック</t>
  </si>
  <si>
    <t>NTT東日本（株）</t>
  </si>
  <si>
    <t>林建設（株）</t>
  </si>
  <si>
    <t>（有）米田建設</t>
  </si>
  <si>
    <t>(株)鶴見精機</t>
  </si>
  <si>
    <t>（有）榎本工業</t>
  </si>
  <si>
    <t>（有）ＣＭＦ</t>
  </si>
  <si>
    <t>東京パワーテクノロジー（株）</t>
  </si>
  <si>
    <t>（株）柊建設</t>
  </si>
  <si>
    <t>（株）加藤組</t>
  </si>
  <si>
    <t>金子建設（株）</t>
  </si>
  <si>
    <t>（有）野木建設</t>
  </si>
  <si>
    <t>（有）酒匂土木</t>
  </si>
  <si>
    <t>東栄建設（株）</t>
  </si>
  <si>
    <t>守谷輸送機工業（株）</t>
  </si>
  <si>
    <t>（株）志村電気</t>
  </si>
  <si>
    <t>（有）アキ建設</t>
  </si>
  <si>
    <t>（株）門屋建設</t>
  </si>
  <si>
    <t>（株）イケダ電気</t>
  </si>
  <si>
    <t>（株）明電舎</t>
  </si>
  <si>
    <t>（株）日立プラントメカニクス</t>
  </si>
  <si>
    <t>湘北工事（株）</t>
  </si>
  <si>
    <t>ヤンマーエネルギーシステム（株）</t>
  </si>
  <si>
    <t>（有）カシワギ電機</t>
  </si>
  <si>
    <t>津久井水道営業所管内配水池整備工事</t>
  </si>
  <si>
    <t>津久井水道営業所管内</t>
  </si>
  <si>
    <t>茅ヶ崎市室田2丁目9番付近　他1箇所</t>
  </si>
  <si>
    <t>横浜市中区日本大通1</t>
  </si>
  <si>
    <t>高座郡寒川町宮山4271　ほか14か所</t>
  </si>
  <si>
    <t>高座郡寒川町宮山4271　ほか4か所</t>
  </si>
  <si>
    <t>相模原市緑区谷ヶ原2-6-1　ほか2箇所</t>
  </si>
  <si>
    <t>相模原市緑区谷ヶ原2-6-1　ほか1ケ所</t>
  </si>
  <si>
    <t>相模原市緑区澤井1167-2　ほか4か所</t>
  </si>
  <si>
    <t>相模原市緑区城山2-9-1　ほか1ヶ所</t>
  </si>
  <si>
    <t>足柄上郡山北町玄倉地内（小畑堰堤付近、小川谷付近、立間堰堤付近）</t>
  </si>
  <si>
    <t>※誤りがある場合や一覧表に記載が無い場合などは、計画課技術管理グループにご連絡ください。電話番号045-210-7257（直通）</t>
    <rPh sb="1" eb="2">
      <t>アヤマ</t>
    </rPh>
    <rPh sb="6" eb="8">
      <t>バアイ</t>
    </rPh>
    <rPh sb="9" eb="11">
      <t>イチラン</t>
    </rPh>
    <rPh sb="11" eb="12">
      <t>ヒョウ</t>
    </rPh>
    <rPh sb="13" eb="15">
      <t>キサイ</t>
    </rPh>
    <rPh sb="16" eb="17">
      <t>ナ</t>
    </rPh>
    <rPh sb="18" eb="20">
      <t>バアイ</t>
    </rPh>
    <rPh sb="24" eb="27">
      <t>ケイカクカ</t>
    </rPh>
    <rPh sb="27" eb="29">
      <t>ギジュツ</t>
    </rPh>
    <rPh sb="29" eb="31">
      <t>カンリ</t>
    </rPh>
    <rPh sb="37" eb="39">
      <t>レンラク</t>
    </rPh>
    <rPh sb="44" eb="46">
      <t>デンワ</t>
    </rPh>
    <rPh sb="46" eb="48">
      <t>バンゴウ</t>
    </rPh>
    <rPh sb="61" eb="63">
      <t>チョクツウ</t>
    </rPh>
    <phoneticPr fontId="6"/>
  </si>
  <si>
    <t>鋼構造物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_ "/>
  </numFmts>
  <fonts count="11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6"/>
      <name val="ＭＳ Ｐ明朝"/>
      <family val="1"/>
      <charset val="128"/>
    </font>
    <font>
      <sz val="11"/>
      <name val="ＭＳ 明朝"/>
      <family val="1"/>
      <charset val="128"/>
    </font>
    <font>
      <sz val="10"/>
      <name val="ＭＳ 明朝"/>
      <family val="1"/>
      <charset val="128"/>
    </font>
    <font>
      <sz val="9"/>
      <name val="ＭＳ 明朝"/>
      <family val="1"/>
      <charset val="128"/>
    </font>
    <font>
      <b/>
      <sz val="12"/>
      <color rgb="FFFA7D00"/>
      <name val="ＭＳ 明朝"/>
      <family val="2"/>
      <charset val="128"/>
    </font>
    <font>
      <sz val="14"/>
      <name val="ＭＳ 明朝"/>
      <family val="1"/>
      <charset val="128"/>
    </font>
    <font>
      <b/>
      <sz val="14"/>
      <name val="ＭＳ 明朝"/>
      <family val="1"/>
      <charset val="128"/>
    </font>
    <font>
      <sz val="12"/>
      <name val="ＭＳ 明朝"/>
      <family val="1"/>
      <charset val="128"/>
    </font>
    <font>
      <b/>
      <sz val="16"/>
      <color rgb="FFFF0000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rgb="FFFFCCFF"/>
        <bgColor indexed="64"/>
      </patternFill>
    </fill>
  </fills>
  <borders count="3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rgb="FFFF0000"/>
      </left>
      <right style="medium">
        <color rgb="FFFF0000"/>
      </right>
      <top style="medium">
        <color rgb="FFFF0000"/>
      </top>
      <bottom style="medium">
        <color rgb="FFFF0000"/>
      </bottom>
      <diagonal/>
    </border>
  </borders>
  <cellStyleXfs count="1">
    <xf numFmtId="0" fontId="0" fillId="0" borderId="0">
      <alignment vertical="center"/>
    </xf>
  </cellStyleXfs>
  <cellXfs count="32">
    <xf numFmtId="0" fontId="0" fillId="0" borderId="0" xfId="0">
      <alignment vertical="center"/>
    </xf>
    <xf numFmtId="49" fontId="7" fillId="2" borderId="1" xfId="0" applyNumberFormat="1" applyFont="1" applyFill="1" applyBorder="1" applyAlignment="1" applyProtection="1">
      <alignment horizontal="center" vertical="center" wrapText="1"/>
    </xf>
    <xf numFmtId="0" fontId="7" fillId="2" borderId="1" xfId="0" applyFont="1" applyFill="1" applyBorder="1" applyAlignment="1" applyProtection="1">
      <alignment horizontal="center" vertical="center" wrapText="1"/>
    </xf>
    <xf numFmtId="0" fontId="10" fillId="0" borderId="2" xfId="0" applyFont="1" applyBorder="1" applyAlignment="1" applyProtection="1">
      <alignment horizontal="center" vertical="center"/>
    </xf>
    <xf numFmtId="0" fontId="4" fillId="0" borderId="0" xfId="0" applyFont="1" applyAlignment="1" applyProtection="1">
      <alignment horizontal="center" vertical="center"/>
    </xf>
    <xf numFmtId="0" fontId="4" fillId="0" borderId="0" xfId="0" applyFont="1" applyProtection="1">
      <alignment vertical="center"/>
    </xf>
    <xf numFmtId="0" fontId="8" fillId="0" borderId="0" xfId="0" applyFont="1" applyAlignment="1" applyProtection="1">
      <alignment vertical="center"/>
    </xf>
    <xf numFmtId="0" fontId="4" fillId="0" borderId="0" xfId="0" applyFont="1" applyAlignment="1" applyProtection="1">
      <alignment vertical="center"/>
    </xf>
    <xf numFmtId="0" fontId="9" fillId="0" borderId="0" xfId="0" applyFont="1" applyAlignment="1" applyProtection="1">
      <alignment vertical="center"/>
    </xf>
    <xf numFmtId="49" fontId="4" fillId="0" borderId="0" xfId="0" applyNumberFormat="1" applyFont="1" applyAlignment="1" applyProtection="1">
      <alignment horizontal="center" vertical="center"/>
    </xf>
    <xf numFmtId="0" fontId="3" fillId="0" borderId="0" xfId="0" applyFont="1" applyAlignment="1" applyProtection="1">
      <alignment shrinkToFit="1"/>
    </xf>
    <xf numFmtId="0" fontId="4" fillId="0" borderId="0" xfId="0" applyFont="1" applyAlignment="1" applyProtection="1">
      <alignment horizontal="left" vertical="center" shrinkToFit="1"/>
    </xf>
    <xf numFmtId="0" fontId="3" fillId="0" borderId="0" xfId="0" applyFont="1" applyFill="1" applyAlignment="1" applyProtection="1"/>
    <xf numFmtId="0" fontId="7" fillId="2" borderId="1" xfId="0" applyNumberFormat="1" applyFont="1" applyFill="1" applyBorder="1" applyAlignment="1" applyProtection="1">
      <alignment horizontal="center" vertical="center" wrapText="1"/>
    </xf>
    <xf numFmtId="0" fontId="5" fillId="0" borderId="0" xfId="0" applyFont="1" applyFill="1" applyAlignment="1" applyProtection="1">
      <alignment horizontal="center" vertical="center"/>
    </xf>
    <xf numFmtId="0" fontId="7" fillId="0" borderId="1" xfId="0" applyNumberFormat="1" applyFont="1" applyFill="1" applyBorder="1" applyAlignment="1" applyProtection="1">
      <alignment horizontal="center" vertical="center" wrapText="1"/>
    </xf>
    <xf numFmtId="176" fontId="7" fillId="0" borderId="1" xfId="0" applyNumberFormat="1" applyFont="1" applyFill="1" applyBorder="1" applyAlignment="1" applyProtection="1">
      <alignment horizontal="center" vertical="center" wrapText="1"/>
    </xf>
    <xf numFmtId="0" fontId="7" fillId="0" borderId="1" xfId="0" applyFont="1" applyFill="1" applyBorder="1" applyAlignment="1" applyProtection="1">
      <alignment vertical="center" wrapText="1"/>
    </xf>
    <xf numFmtId="0" fontId="7" fillId="0" borderId="1" xfId="0" applyFont="1" applyFill="1" applyBorder="1" applyAlignment="1" applyProtection="1">
      <alignment horizontal="left" vertical="center" wrapText="1"/>
    </xf>
    <xf numFmtId="0" fontId="3" fillId="0" borderId="0" xfId="0" applyFont="1" applyFill="1" applyAlignment="1" applyProtection="1">
      <alignment vertical="center"/>
    </xf>
    <xf numFmtId="0" fontId="7" fillId="0" borderId="1" xfId="0" quotePrefix="1" applyFont="1" applyFill="1" applyBorder="1" applyAlignment="1" applyProtection="1">
      <alignment vertical="center" wrapText="1"/>
    </xf>
    <xf numFmtId="0" fontId="7" fillId="0" borderId="1" xfId="0" applyFont="1" applyBorder="1" applyAlignment="1" applyProtection="1">
      <alignment horizontal="left" vertical="center" wrapText="1"/>
    </xf>
    <xf numFmtId="0" fontId="7" fillId="0" borderId="1" xfId="0" applyNumberFormat="1" applyFont="1" applyFill="1" applyBorder="1" applyAlignment="1" applyProtection="1">
      <alignment horizontal="left" vertical="center" wrapText="1"/>
    </xf>
    <xf numFmtId="0" fontId="7" fillId="0" borderId="1" xfId="0" applyFont="1" applyBorder="1" applyAlignment="1" applyProtection="1">
      <alignment vertical="center" wrapText="1"/>
    </xf>
    <xf numFmtId="49" fontId="7" fillId="0" borderId="1" xfId="0" applyNumberFormat="1" applyFont="1" applyBorder="1" applyAlignment="1" applyProtection="1">
      <alignment horizontal="center" vertical="center" wrapText="1"/>
    </xf>
    <xf numFmtId="0" fontId="7" fillId="0" borderId="0" xfId="0" applyFont="1" applyAlignment="1" applyProtection="1">
      <alignment vertical="center" wrapText="1"/>
    </xf>
    <xf numFmtId="49" fontId="7" fillId="0" borderId="0" xfId="0" applyNumberFormat="1" applyFont="1" applyAlignment="1" applyProtection="1">
      <alignment horizontal="center" vertical="center" wrapText="1"/>
    </xf>
    <xf numFmtId="0" fontId="7" fillId="0" borderId="0" xfId="0" applyFont="1" applyAlignment="1" applyProtection="1">
      <alignment horizontal="left" vertical="center" wrapText="1"/>
    </xf>
    <xf numFmtId="0" fontId="4" fillId="0" borderId="0" xfId="0" applyFont="1" applyAlignment="1" applyProtection="1">
      <alignment vertical="center" wrapText="1"/>
    </xf>
    <xf numFmtId="49" fontId="4" fillId="0" borderId="0" xfId="0" applyNumberFormat="1" applyFont="1" applyAlignment="1" applyProtection="1">
      <alignment horizontal="center" vertical="center" wrapText="1"/>
    </xf>
    <xf numFmtId="0" fontId="3" fillId="0" borderId="0" xfId="0" applyFont="1" applyAlignment="1" applyProtection="1">
      <alignment vertical="center" wrapText="1"/>
    </xf>
    <xf numFmtId="0" fontId="4" fillId="0" borderId="0" xfId="0" applyFont="1" applyAlignment="1" applyProtection="1">
      <alignment horizontal="left" vertical="center" wrapText="1"/>
    </xf>
  </cellXfs>
  <cellStyles count="1">
    <cellStyle name="標準" xfId="0" builtinId="0"/>
  </cellStyles>
  <dxfs count="0"/>
  <tableStyles count="0" defaultTableStyle="TableStyleMedium2" defaultPivotStyle="PivotStyleLight16"/>
  <colors>
    <mruColors>
      <color rgb="FFFFCCFF"/>
      <color rgb="FFFF99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H509"/>
  <sheetViews>
    <sheetView tabSelected="1" view="pageBreakPreview" zoomScale="70" zoomScaleNormal="130" zoomScaleSheetLayoutView="70" workbookViewId="0"/>
  </sheetViews>
  <sheetFormatPr defaultColWidth="6.296875" defaultRowHeight="40.049999999999997" customHeight="1" x14ac:dyDescent="0.2"/>
  <cols>
    <col min="1" max="1" width="22" style="28" bestFit="1" customWidth="1"/>
    <col min="2" max="2" width="14.5" style="29" bestFit="1" customWidth="1"/>
    <col min="3" max="4" width="50.69921875" style="30" customWidth="1"/>
    <col min="5" max="6" width="30.69921875" style="31" customWidth="1"/>
    <col min="7" max="7" width="30.69921875" style="28" customWidth="1"/>
    <col min="8" max="8" width="13.796875" style="31" customWidth="1"/>
    <col min="9" max="16384" width="6.296875" style="19"/>
  </cols>
  <sheetData>
    <row r="1" spans="1:8" s="5" customFormat="1" ht="19.8" thickBot="1" x14ac:dyDescent="0.25">
      <c r="A1" s="3" t="s">
        <v>99</v>
      </c>
      <c r="B1" s="4"/>
      <c r="G1" s="4"/>
    </row>
    <row r="2" spans="1:8" s="5" customFormat="1" ht="16.2" x14ac:dyDescent="0.2">
      <c r="A2" s="6" t="s">
        <v>268</v>
      </c>
      <c r="B2" s="4"/>
      <c r="C2" s="7"/>
      <c r="G2" s="4"/>
    </row>
    <row r="3" spans="1:8" s="5" customFormat="1" ht="14.4" x14ac:dyDescent="0.2">
      <c r="A3" s="8" t="s">
        <v>100</v>
      </c>
      <c r="B3" s="4"/>
      <c r="C3" s="7"/>
      <c r="G3" s="4"/>
    </row>
    <row r="4" spans="1:8" s="5" customFormat="1" ht="14.4" x14ac:dyDescent="0.2">
      <c r="A4" s="8" t="s">
        <v>101</v>
      </c>
      <c r="B4" s="4"/>
      <c r="C4" s="7"/>
      <c r="G4" s="4"/>
    </row>
    <row r="5" spans="1:8" s="5" customFormat="1" ht="14.4" x14ac:dyDescent="0.2">
      <c r="A5" s="8" t="s">
        <v>1252</v>
      </c>
      <c r="B5" s="4"/>
      <c r="C5" s="7"/>
      <c r="G5" s="4"/>
    </row>
    <row r="6" spans="1:8" s="12" customFormat="1" ht="4.95" customHeight="1" x14ac:dyDescent="0.2">
      <c r="A6" s="7"/>
      <c r="B6" s="9"/>
      <c r="C6" s="10"/>
      <c r="D6" s="10"/>
      <c r="E6" s="11"/>
      <c r="F6" s="11"/>
      <c r="G6" s="7"/>
      <c r="H6" s="11"/>
    </row>
    <row r="7" spans="1:8" s="14" customFormat="1" ht="40.049999999999997" customHeight="1" x14ac:dyDescent="0.2">
      <c r="A7" s="13" t="s">
        <v>102</v>
      </c>
      <c r="B7" s="1" t="s">
        <v>165</v>
      </c>
      <c r="C7" s="2" t="s">
        <v>164</v>
      </c>
      <c r="D7" s="2" t="s">
        <v>103</v>
      </c>
      <c r="E7" s="2" t="s">
        <v>116</v>
      </c>
      <c r="F7" s="2" t="s">
        <v>163</v>
      </c>
      <c r="G7" s="2" t="s">
        <v>104</v>
      </c>
      <c r="H7" s="2" t="s">
        <v>98</v>
      </c>
    </row>
    <row r="8" spans="1:8" ht="40.049999999999997" customHeight="1" x14ac:dyDescent="0.2">
      <c r="A8" s="15" t="s">
        <v>3</v>
      </c>
      <c r="B8" s="16">
        <v>121</v>
      </c>
      <c r="C8" s="17" t="s">
        <v>269</v>
      </c>
      <c r="D8" s="17" t="s">
        <v>270</v>
      </c>
      <c r="E8" s="18" t="s">
        <v>6</v>
      </c>
      <c r="F8" s="18" t="s">
        <v>1127</v>
      </c>
      <c r="G8" s="17" t="s">
        <v>1128</v>
      </c>
      <c r="H8" s="18"/>
    </row>
    <row r="9" spans="1:8" ht="40.049999999999997" customHeight="1" x14ac:dyDescent="0.2">
      <c r="A9" s="15" t="s">
        <v>3</v>
      </c>
      <c r="B9" s="16">
        <v>411</v>
      </c>
      <c r="C9" s="17" t="s">
        <v>271</v>
      </c>
      <c r="D9" s="17" t="s">
        <v>196</v>
      </c>
      <c r="E9" s="18" t="s">
        <v>6</v>
      </c>
      <c r="F9" s="18" t="s">
        <v>7</v>
      </c>
      <c r="G9" s="17" t="s">
        <v>1</v>
      </c>
      <c r="H9" s="18"/>
    </row>
    <row r="10" spans="1:8" ht="40.049999999999997" customHeight="1" x14ac:dyDescent="0.2">
      <c r="A10" s="15" t="s">
        <v>3</v>
      </c>
      <c r="B10" s="16">
        <v>412</v>
      </c>
      <c r="C10" s="17" t="s">
        <v>272</v>
      </c>
      <c r="D10" s="17" t="s">
        <v>273</v>
      </c>
      <c r="E10" s="18" t="s">
        <v>6</v>
      </c>
      <c r="F10" s="18" t="s">
        <v>139</v>
      </c>
      <c r="G10" s="17" t="s">
        <v>1</v>
      </c>
      <c r="H10" s="18"/>
    </row>
    <row r="11" spans="1:8" ht="40.049999999999997" customHeight="1" x14ac:dyDescent="0.2">
      <c r="A11" s="15" t="s">
        <v>3</v>
      </c>
      <c r="B11" s="16">
        <v>413</v>
      </c>
      <c r="C11" s="17" t="s">
        <v>274</v>
      </c>
      <c r="D11" s="17" t="s">
        <v>275</v>
      </c>
      <c r="E11" s="18" t="s">
        <v>6</v>
      </c>
      <c r="F11" s="18" t="s">
        <v>135</v>
      </c>
      <c r="G11" s="17" t="s">
        <v>1</v>
      </c>
      <c r="H11" s="18"/>
    </row>
    <row r="12" spans="1:8" ht="40.049999999999997" customHeight="1" x14ac:dyDescent="0.2">
      <c r="A12" s="15" t="s">
        <v>3</v>
      </c>
      <c r="B12" s="16">
        <v>414</v>
      </c>
      <c r="C12" s="17" t="s">
        <v>276</v>
      </c>
      <c r="D12" s="17" t="s">
        <v>191</v>
      </c>
      <c r="E12" s="18" t="s">
        <v>6</v>
      </c>
      <c r="F12" s="18" t="s">
        <v>226</v>
      </c>
      <c r="G12" s="17" t="s">
        <v>1</v>
      </c>
      <c r="H12" s="18"/>
    </row>
    <row r="13" spans="1:8" ht="40.049999999999997" customHeight="1" x14ac:dyDescent="0.2">
      <c r="A13" s="15" t="s">
        <v>3</v>
      </c>
      <c r="B13" s="16">
        <v>416</v>
      </c>
      <c r="C13" s="17" t="s">
        <v>277</v>
      </c>
      <c r="D13" s="17" t="s">
        <v>278</v>
      </c>
      <c r="E13" s="18" t="s">
        <v>4</v>
      </c>
      <c r="F13" s="18" t="s">
        <v>147</v>
      </c>
      <c r="G13" s="17" t="s">
        <v>1</v>
      </c>
      <c r="H13" s="18"/>
    </row>
    <row r="14" spans="1:8" ht="40.049999999999997" customHeight="1" x14ac:dyDescent="0.2">
      <c r="A14" s="15" t="s">
        <v>3</v>
      </c>
      <c r="B14" s="16">
        <v>417</v>
      </c>
      <c r="C14" s="17" t="s">
        <v>279</v>
      </c>
      <c r="D14" s="17" t="s">
        <v>280</v>
      </c>
      <c r="E14" s="18" t="s">
        <v>4</v>
      </c>
      <c r="F14" s="18" t="s">
        <v>1129</v>
      </c>
      <c r="G14" s="17" t="s">
        <v>1</v>
      </c>
      <c r="H14" s="18"/>
    </row>
    <row r="15" spans="1:8" ht="40.049999999999997" customHeight="1" x14ac:dyDescent="0.2">
      <c r="A15" s="15" t="s">
        <v>3</v>
      </c>
      <c r="B15" s="16">
        <v>418</v>
      </c>
      <c r="C15" s="17" t="s">
        <v>281</v>
      </c>
      <c r="D15" s="17" t="s">
        <v>282</v>
      </c>
      <c r="E15" s="18" t="s">
        <v>4</v>
      </c>
      <c r="F15" s="18" t="s">
        <v>228</v>
      </c>
      <c r="G15" s="17" t="s">
        <v>1</v>
      </c>
      <c r="H15" s="18"/>
    </row>
    <row r="16" spans="1:8" ht="40.049999999999997" customHeight="1" x14ac:dyDescent="0.2">
      <c r="A16" s="15" t="s">
        <v>3</v>
      </c>
      <c r="B16" s="16">
        <v>421</v>
      </c>
      <c r="C16" s="17" t="s">
        <v>283</v>
      </c>
      <c r="D16" s="17" t="s">
        <v>284</v>
      </c>
      <c r="E16" s="18" t="s">
        <v>6</v>
      </c>
      <c r="F16" s="18" t="s">
        <v>1130</v>
      </c>
      <c r="G16" s="17" t="s">
        <v>1</v>
      </c>
      <c r="H16" s="18"/>
    </row>
    <row r="17" spans="1:8" ht="40.049999999999997" customHeight="1" x14ac:dyDescent="0.2">
      <c r="A17" s="15" t="s">
        <v>3</v>
      </c>
      <c r="B17" s="16">
        <v>423</v>
      </c>
      <c r="C17" s="17" t="s">
        <v>285</v>
      </c>
      <c r="D17" s="17" t="s">
        <v>286</v>
      </c>
      <c r="E17" s="18" t="s">
        <v>6</v>
      </c>
      <c r="F17" s="18" t="s">
        <v>1131</v>
      </c>
      <c r="G17" s="17" t="s">
        <v>1</v>
      </c>
      <c r="H17" s="18"/>
    </row>
    <row r="18" spans="1:8" ht="40.049999999999997" customHeight="1" x14ac:dyDescent="0.2">
      <c r="A18" s="15" t="s">
        <v>3</v>
      </c>
      <c r="B18" s="16">
        <v>425</v>
      </c>
      <c r="C18" s="17" t="s">
        <v>287</v>
      </c>
      <c r="D18" s="17" t="s">
        <v>288</v>
      </c>
      <c r="E18" s="18" t="s">
        <v>6</v>
      </c>
      <c r="F18" s="18" t="s">
        <v>1132</v>
      </c>
      <c r="G18" s="17" t="s">
        <v>1</v>
      </c>
      <c r="H18" s="18"/>
    </row>
    <row r="19" spans="1:8" ht="40.049999999999997" customHeight="1" x14ac:dyDescent="0.2">
      <c r="A19" s="15" t="s">
        <v>3</v>
      </c>
      <c r="B19" s="16">
        <v>426</v>
      </c>
      <c r="C19" s="17" t="s">
        <v>289</v>
      </c>
      <c r="D19" s="17" t="s">
        <v>290</v>
      </c>
      <c r="E19" s="18" t="s">
        <v>6</v>
      </c>
      <c r="F19" s="18" t="s">
        <v>53</v>
      </c>
      <c r="G19" s="17" t="s">
        <v>1</v>
      </c>
      <c r="H19" s="18"/>
    </row>
    <row r="20" spans="1:8" ht="40.049999999999997" customHeight="1" x14ac:dyDescent="0.2">
      <c r="A20" s="15" t="s">
        <v>3</v>
      </c>
      <c r="B20" s="16">
        <v>505</v>
      </c>
      <c r="C20" s="17" t="s">
        <v>291</v>
      </c>
      <c r="D20" s="17" t="s">
        <v>292</v>
      </c>
      <c r="E20" s="18" t="s">
        <v>6</v>
      </c>
      <c r="F20" s="18" t="s">
        <v>139</v>
      </c>
      <c r="G20" s="17" t="s">
        <v>1</v>
      </c>
      <c r="H20" s="18"/>
    </row>
    <row r="21" spans="1:8" ht="40.049999999999997" customHeight="1" x14ac:dyDescent="0.2">
      <c r="A21" s="15" t="s">
        <v>3</v>
      </c>
      <c r="B21" s="16">
        <v>502</v>
      </c>
      <c r="C21" s="17" t="s">
        <v>293</v>
      </c>
      <c r="D21" s="17" t="s">
        <v>294</v>
      </c>
      <c r="E21" s="18" t="s">
        <v>6</v>
      </c>
      <c r="F21" s="18" t="s">
        <v>1133</v>
      </c>
      <c r="G21" s="17" t="s">
        <v>1</v>
      </c>
      <c r="H21" s="18"/>
    </row>
    <row r="22" spans="1:8" ht="40.049999999999997" customHeight="1" x14ac:dyDescent="0.2">
      <c r="A22" s="15" t="s">
        <v>3</v>
      </c>
      <c r="B22" s="16">
        <v>503</v>
      </c>
      <c r="C22" s="17" t="s">
        <v>295</v>
      </c>
      <c r="D22" s="17" t="s">
        <v>124</v>
      </c>
      <c r="E22" s="18" t="s">
        <v>6</v>
      </c>
      <c r="F22" s="18" t="s">
        <v>235</v>
      </c>
      <c r="G22" s="17" t="s">
        <v>1</v>
      </c>
      <c r="H22" s="18"/>
    </row>
    <row r="23" spans="1:8" ht="40.049999999999997" customHeight="1" x14ac:dyDescent="0.2">
      <c r="A23" s="15" t="s">
        <v>3</v>
      </c>
      <c r="B23" s="16">
        <v>504</v>
      </c>
      <c r="C23" s="17" t="s">
        <v>296</v>
      </c>
      <c r="D23" s="17" t="s">
        <v>124</v>
      </c>
      <c r="E23" s="18" t="s">
        <v>6</v>
      </c>
      <c r="F23" s="18" t="s">
        <v>232</v>
      </c>
      <c r="G23" s="17" t="s">
        <v>1</v>
      </c>
      <c r="H23" s="18"/>
    </row>
    <row r="24" spans="1:8" ht="40.049999999999997" customHeight="1" x14ac:dyDescent="0.2">
      <c r="A24" s="15" t="s">
        <v>3</v>
      </c>
      <c r="B24" s="16">
        <v>506</v>
      </c>
      <c r="C24" s="17" t="s">
        <v>297</v>
      </c>
      <c r="D24" s="17" t="s">
        <v>298</v>
      </c>
      <c r="E24" s="18" t="s">
        <v>6</v>
      </c>
      <c r="F24" s="18" t="s">
        <v>42</v>
      </c>
      <c r="G24" s="17" t="s">
        <v>1</v>
      </c>
      <c r="H24" s="18"/>
    </row>
    <row r="25" spans="1:8" ht="40.049999999999997" customHeight="1" x14ac:dyDescent="0.2">
      <c r="A25" s="15" t="s">
        <v>3</v>
      </c>
      <c r="B25" s="16">
        <v>507</v>
      </c>
      <c r="C25" s="17" t="s">
        <v>299</v>
      </c>
      <c r="D25" s="17" t="s">
        <v>300</v>
      </c>
      <c r="E25" s="18" t="s">
        <v>6</v>
      </c>
      <c r="F25" s="18" t="s">
        <v>131</v>
      </c>
      <c r="G25" s="17" t="s">
        <v>1</v>
      </c>
      <c r="H25" s="18"/>
    </row>
    <row r="26" spans="1:8" ht="40.049999999999997" customHeight="1" x14ac:dyDescent="0.2">
      <c r="A26" s="15" t="s">
        <v>3</v>
      </c>
      <c r="B26" s="16">
        <v>508</v>
      </c>
      <c r="C26" s="17" t="s">
        <v>301</v>
      </c>
      <c r="D26" s="17" t="s">
        <v>302</v>
      </c>
      <c r="E26" s="18" t="s">
        <v>6</v>
      </c>
      <c r="F26" s="18" t="s">
        <v>1134</v>
      </c>
      <c r="G26" s="17" t="s">
        <v>1</v>
      </c>
      <c r="H26" s="18"/>
    </row>
    <row r="27" spans="1:8" ht="40.049999999999997" customHeight="1" x14ac:dyDescent="0.2">
      <c r="A27" s="15" t="s">
        <v>3</v>
      </c>
      <c r="B27" s="16">
        <v>509</v>
      </c>
      <c r="C27" s="17" t="s">
        <v>303</v>
      </c>
      <c r="D27" s="17" t="s">
        <v>196</v>
      </c>
      <c r="E27" s="18" t="s">
        <v>6</v>
      </c>
      <c r="F27" s="18" t="s">
        <v>37</v>
      </c>
      <c r="G27" s="17" t="s">
        <v>1</v>
      </c>
      <c r="H27" s="18"/>
    </row>
    <row r="28" spans="1:8" ht="40.049999999999997" customHeight="1" x14ac:dyDescent="0.2">
      <c r="A28" s="15" t="s">
        <v>3</v>
      </c>
      <c r="B28" s="16">
        <v>510</v>
      </c>
      <c r="C28" s="17" t="s">
        <v>304</v>
      </c>
      <c r="D28" s="17" t="s">
        <v>192</v>
      </c>
      <c r="E28" s="18" t="s">
        <v>6</v>
      </c>
      <c r="F28" s="18" t="s">
        <v>37</v>
      </c>
      <c r="G28" s="17" t="s">
        <v>1</v>
      </c>
      <c r="H28" s="18"/>
    </row>
    <row r="29" spans="1:8" ht="40.049999999999997" customHeight="1" x14ac:dyDescent="0.2">
      <c r="A29" s="15" t="s">
        <v>3</v>
      </c>
      <c r="B29" s="16">
        <v>513</v>
      </c>
      <c r="C29" s="17" t="s">
        <v>305</v>
      </c>
      <c r="D29" s="17" t="s">
        <v>125</v>
      </c>
      <c r="E29" s="18" t="s">
        <v>6</v>
      </c>
      <c r="F29" s="18" t="s">
        <v>42</v>
      </c>
      <c r="G29" s="17" t="s">
        <v>1</v>
      </c>
      <c r="H29" s="18"/>
    </row>
    <row r="30" spans="1:8" ht="40.049999999999997" customHeight="1" x14ac:dyDescent="0.2">
      <c r="A30" s="15" t="s">
        <v>3</v>
      </c>
      <c r="B30" s="16">
        <v>515</v>
      </c>
      <c r="C30" s="17" t="s">
        <v>306</v>
      </c>
      <c r="D30" s="17" t="s">
        <v>307</v>
      </c>
      <c r="E30" s="18" t="s">
        <v>4</v>
      </c>
      <c r="F30" s="18" t="s">
        <v>1135</v>
      </c>
      <c r="G30" s="17" t="s">
        <v>1</v>
      </c>
      <c r="H30" s="18"/>
    </row>
    <row r="31" spans="1:8" ht="40.049999999999997" customHeight="1" x14ac:dyDescent="0.2">
      <c r="A31" s="15" t="s">
        <v>3</v>
      </c>
      <c r="B31" s="16">
        <v>520</v>
      </c>
      <c r="C31" s="17" t="s">
        <v>308</v>
      </c>
      <c r="D31" s="17" t="s">
        <v>309</v>
      </c>
      <c r="E31" s="18" t="s">
        <v>6</v>
      </c>
      <c r="F31" s="18" t="s">
        <v>140</v>
      </c>
      <c r="G31" s="17" t="s">
        <v>1</v>
      </c>
      <c r="H31" s="18"/>
    </row>
    <row r="32" spans="1:8" ht="40.049999999999997" customHeight="1" x14ac:dyDescent="0.2">
      <c r="A32" s="15" t="s">
        <v>3</v>
      </c>
      <c r="B32" s="16">
        <v>522</v>
      </c>
      <c r="C32" s="17" t="s">
        <v>310</v>
      </c>
      <c r="D32" s="17" t="s">
        <v>280</v>
      </c>
      <c r="E32" s="18" t="s">
        <v>6</v>
      </c>
      <c r="F32" s="18" t="s">
        <v>37</v>
      </c>
      <c r="G32" s="17" t="s">
        <v>1</v>
      </c>
      <c r="H32" s="18"/>
    </row>
    <row r="33" spans="1:8" ht="40.049999999999997" customHeight="1" x14ac:dyDescent="0.2">
      <c r="A33" s="15" t="s">
        <v>166</v>
      </c>
      <c r="B33" s="16">
        <v>3</v>
      </c>
      <c r="C33" s="17" t="s">
        <v>311</v>
      </c>
      <c r="D33" s="17" t="s">
        <v>312</v>
      </c>
      <c r="E33" s="18" t="s">
        <v>76</v>
      </c>
      <c r="F33" s="18" t="s">
        <v>151</v>
      </c>
      <c r="G33" s="17" t="s">
        <v>1</v>
      </c>
      <c r="H33" s="18"/>
    </row>
    <row r="34" spans="1:8" ht="40.049999999999997" customHeight="1" x14ac:dyDescent="0.2">
      <c r="A34" s="15" t="s">
        <v>167</v>
      </c>
      <c r="B34" s="16">
        <v>31</v>
      </c>
      <c r="C34" s="17" t="s">
        <v>313</v>
      </c>
      <c r="D34" s="17" t="s">
        <v>314</v>
      </c>
      <c r="E34" s="18" t="s">
        <v>6</v>
      </c>
      <c r="F34" s="18" t="s">
        <v>14</v>
      </c>
      <c r="G34" s="17" t="s">
        <v>1</v>
      </c>
      <c r="H34" s="18"/>
    </row>
    <row r="35" spans="1:8" ht="40.049999999999997" customHeight="1" x14ac:dyDescent="0.2">
      <c r="A35" s="15" t="s">
        <v>167</v>
      </c>
      <c r="B35" s="16">
        <v>151</v>
      </c>
      <c r="C35" s="17" t="s">
        <v>315</v>
      </c>
      <c r="D35" s="17" t="s">
        <v>316</v>
      </c>
      <c r="E35" s="18" t="s">
        <v>6</v>
      </c>
      <c r="F35" s="18" t="s">
        <v>1136</v>
      </c>
      <c r="G35" s="17" t="s">
        <v>1</v>
      </c>
      <c r="H35" s="18"/>
    </row>
    <row r="36" spans="1:8" ht="40.049999999999997" customHeight="1" x14ac:dyDescent="0.2">
      <c r="A36" s="15" t="s">
        <v>167</v>
      </c>
      <c r="B36" s="16">
        <v>152</v>
      </c>
      <c r="C36" s="17" t="s">
        <v>317</v>
      </c>
      <c r="D36" s="17" t="s">
        <v>318</v>
      </c>
      <c r="E36" s="18" t="s">
        <v>6</v>
      </c>
      <c r="F36" s="18" t="s">
        <v>134</v>
      </c>
      <c r="G36" s="17" t="s">
        <v>1</v>
      </c>
      <c r="H36" s="18"/>
    </row>
    <row r="37" spans="1:8" ht="40.049999999999997" customHeight="1" x14ac:dyDescent="0.2">
      <c r="A37" s="15" t="s">
        <v>167</v>
      </c>
      <c r="B37" s="16">
        <v>153</v>
      </c>
      <c r="C37" s="17" t="s">
        <v>319</v>
      </c>
      <c r="D37" s="17" t="s">
        <v>320</v>
      </c>
      <c r="E37" s="18" t="s">
        <v>6</v>
      </c>
      <c r="F37" s="18" t="s">
        <v>17</v>
      </c>
      <c r="G37" s="17" t="s">
        <v>1</v>
      </c>
      <c r="H37" s="18"/>
    </row>
    <row r="38" spans="1:8" ht="40.049999999999997" customHeight="1" x14ac:dyDescent="0.2">
      <c r="A38" s="15" t="s">
        <v>167</v>
      </c>
      <c r="B38" s="16">
        <v>1</v>
      </c>
      <c r="C38" s="17" t="s">
        <v>321</v>
      </c>
      <c r="D38" s="17" t="s">
        <v>322</v>
      </c>
      <c r="E38" s="18" t="s">
        <v>6</v>
      </c>
      <c r="F38" s="18" t="s">
        <v>1137</v>
      </c>
      <c r="G38" s="17" t="s">
        <v>1</v>
      </c>
      <c r="H38" s="18"/>
    </row>
    <row r="39" spans="1:8" ht="40.049999999999997" customHeight="1" x14ac:dyDescent="0.2">
      <c r="A39" s="15" t="s">
        <v>167</v>
      </c>
      <c r="B39" s="16">
        <v>2</v>
      </c>
      <c r="C39" s="17" t="s">
        <v>323</v>
      </c>
      <c r="D39" s="17" t="s">
        <v>324</v>
      </c>
      <c r="E39" s="18" t="s">
        <v>6</v>
      </c>
      <c r="F39" s="18" t="s">
        <v>210</v>
      </c>
      <c r="G39" s="17" t="s">
        <v>1</v>
      </c>
      <c r="H39" s="18"/>
    </row>
    <row r="40" spans="1:8" ht="40.049999999999997" customHeight="1" x14ac:dyDescent="0.2">
      <c r="A40" s="15" t="s">
        <v>167</v>
      </c>
      <c r="B40" s="16">
        <v>3</v>
      </c>
      <c r="C40" s="17" t="s">
        <v>325</v>
      </c>
      <c r="D40" s="17" t="s">
        <v>193</v>
      </c>
      <c r="E40" s="18" t="s">
        <v>6</v>
      </c>
      <c r="F40" s="18" t="s">
        <v>18</v>
      </c>
      <c r="G40" s="17" t="s">
        <v>1</v>
      </c>
      <c r="H40" s="18"/>
    </row>
    <row r="41" spans="1:8" ht="40.049999999999997" customHeight="1" x14ac:dyDescent="0.2">
      <c r="A41" s="15" t="s">
        <v>167</v>
      </c>
      <c r="B41" s="16">
        <v>5</v>
      </c>
      <c r="C41" s="17" t="s">
        <v>326</v>
      </c>
      <c r="D41" s="17" t="s">
        <v>327</v>
      </c>
      <c r="E41" s="18" t="s">
        <v>6</v>
      </c>
      <c r="F41" s="18" t="s">
        <v>212</v>
      </c>
      <c r="G41" s="17" t="s">
        <v>1</v>
      </c>
      <c r="H41" s="18"/>
    </row>
    <row r="42" spans="1:8" ht="40.049999999999997" customHeight="1" x14ac:dyDescent="0.2">
      <c r="A42" s="15" t="s">
        <v>167</v>
      </c>
      <c r="B42" s="16">
        <v>6</v>
      </c>
      <c r="C42" s="17" t="s">
        <v>328</v>
      </c>
      <c r="D42" s="17" t="s">
        <v>329</v>
      </c>
      <c r="E42" s="18" t="s">
        <v>6</v>
      </c>
      <c r="F42" s="18" t="s">
        <v>16</v>
      </c>
      <c r="G42" s="17" t="s">
        <v>1</v>
      </c>
      <c r="H42" s="18"/>
    </row>
    <row r="43" spans="1:8" ht="40.049999999999997" customHeight="1" x14ac:dyDescent="0.2">
      <c r="A43" s="15" t="s">
        <v>167</v>
      </c>
      <c r="B43" s="16">
        <v>7</v>
      </c>
      <c r="C43" s="17" t="s">
        <v>330</v>
      </c>
      <c r="D43" s="17" t="s">
        <v>331</v>
      </c>
      <c r="E43" s="18" t="s">
        <v>6</v>
      </c>
      <c r="F43" s="18" t="s">
        <v>134</v>
      </c>
      <c r="G43" s="17" t="s">
        <v>1</v>
      </c>
      <c r="H43" s="18"/>
    </row>
    <row r="44" spans="1:8" ht="40.049999999999997" customHeight="1" x14ac:dyDescent="0.2">
      <c r="A44" s="15" t="s">
        <v>167</v>
      </c>
      <c r="B44" s="16">
        <v>8</v>
      </c>
      <c r="C44" s="17" t="s">
        <v>332</v>
      </c>
      <c r="D44" s="17" t="s">
        <v>333</v>
      </c>
      <c r="E44" s="18" t="s">
        <v>6</v>
      </c>
      <c r="F44" s="18" t="s">
        <v>15</v>
      </c>
      <c r="G44" s="17" t="s">
        <v>1</v>
      </c>
      <c r="H44" s="18"/>
    </row>
    <row r="45" spans="1:8" ht="40.049999999999997" customHeight="1" x14ac:dyDescent="0.2">
      <c r="A45" s="15" t="s">
        <v>167</v>
      </c>
      <c r="B45" s="16">
        <v>10</v>
      </c>
      <c r="C45" s="17" t="s">
        <v>334</v>
      </c>
      <c r="D45" s="17" t="s">
        <v>335</v>
      </c>
      <c r="E45" s="18" t="s">
        <v>6</v>
      </c>
      <c r="F45" s="18" t="s">
        <v>1138</v>
      </c>
      <c r="G45" s="17" t="s">
        <v>1</v>
      </c>
      <c r="H45" s="18"/>
    </row>
    <row r="46" spans="1:8" ht="40.049999999999997" customHeight="1" x14ac:dyDescent="0.2">
      <c r="A46" s="15" t="s">
        <v>167</v>
      </c>
      <c r="B46" s="16">
        <v>11</v>
      </c>
      <c r="C46" s="17" t="s">
        <v>336</v>
      </c>
      <c r="D46" s="17" t="s">
        <v>337</v>
      </c>
      <c r="E46" s="18" t="s">
        <v>6</v>
      </c>
      <c r="F46" s="18" t="s">
        <v>18</v>
      </c>
      <c r="G46" s="17" t="s">
        <v>1</v>
      </c>
      <c r="H46" s="18"/>
    </row>
    <row r="47" spans="1:8" ht="40.049999999999997" customHeight="1" x14ac:dyDescent="0.2">
      <c r="A47" s="15" t="s">
        <v>167</v>
      </c>
      <c r="B47" s="16">
        <v>12</v>
      </c>
      <c r="C47" s="17" t="s">
        <v>338</v>
      </c>
      <c r="D47" s="17" t="s">
        <v>339</v>
      </c>
      <c r="E47" s="18" t="s">
        <v>6</v>
      </c>
      <c r="F47" s="18" t="s">
        <v>14</v>
      </c>
      <c r="G47" s="17" t="s">
        <v>1</v>
      </c>
      <c r="H47" s="18"/>
    </row>
    <row r="48" spans="1:8" ht="40.049999999999997" customHeight="1" x14ac:dyDescent="0.2">
      <c r="A48" s="15" t="s">
        <v>167</v>
      </c>
      <c r="B48" s="16">
        <v>13</v>
      </c>
      <c r="C48" s="17" t="s">
        <v>340</v>
      </c>
      <c r="D48" s="17" t="s">
        <v>341</v>
      </c>
      <c r="E48" s="18" t="s">
        <v>6</v>
      </c>
      <c r="F48" s="18" t="s">
        <v>209</v>
      </c>
      <c r="G48" s="17" t="s">
        <v>1</v>
      </c>
      <c r="H48" s="18"/>
    </row>
    <row r="49" spans="1:8" ht="40.049999999999997" customHeight="1" x14ac:dyDescent="0.2">
      <c r="A49" s="15" t="s">
        <v>167</v>
      </c>
      <c r="B49" s="16">
        <v>14</v>
      </c>
      <c r="C49" s="17" t="s">
        <v>342</v>
      </c>
      <c r="D49" s="17" t="s">
        <v>343</v>
      </c>
      <c r="E49" s="18" t="s">
        <v>6</v>
      </c>
      <c r="F49" s="18" t="s">
        <v>213</v>
      </c>
      <c r="G49" s="17" t="s">
        <v>1</v>
      </c>
      <c r="H49" s="18"/>
    </row>
    <row r="50" spans="1:8" ht="40.049999999999997" customHeight="1" x14ac:dyDescent="0.2">
      <c r="A50" s="15" t="s">
        <v>167</v>
      </c>
      <c r="B50" s="16">
        <v>15</v>
      </c>
      <c r="C50" s="17" t="s">
        <v>344</v>
      </c>
      <c r="D50" s="17" t="s">
        <v>345</v>
      </c>
      <c r="E50" s="18" t="s">
        <v>6</v>
      </c>
      <c r="F50" s="18" t="s">
        <v>19</v>
      </c>
      <c r="G50" s="17" t="s">
        <v>1</v>
      </c>
      <c r="H50" s="18"/>
    </row>
    <row r="51" spans="1:8" ht="40.049999999999997" customHeight="1" x14ac:dyDescent="0.2">
      <c r="A51" s="15" t="s">
        <v>167</v>
      </c>
      <c r="B51" s="16">
        <v>16</v>
      </c>
      <c r="C51" s="17" t="s">
        <v>346</v>
      </c>
      <c r="D51" s="17" t="s">
        <v>347</v>
      </c>
      <c r="E51" s="18" t="s">
        <v>6</v>
      </c>
      <c r="F51" s="18" t="s">
        <v>134</v>
      </c>
      <c r="G51" s="17" t="s">
        <v>1</v>
      </c>
      <c r="H51" s="18"/>
    </row>
    <row r="52" spans="1:8" ht="40.049999999999997" customHeight="1" x14ac:dyDescent="0.2">
      <c r="A52" s="15" t="s">
        <v>167</v>
      </c>
      <c r="B52" s="16">
        <v>17</v>
      </c>
      <c r="C52" s="17" t="s">
        <v>348</v>
      </c>
      <c r="D52" s="17" t="s">
        <v>349</v>
      </c>
      <c r="E52" s="18" t="s">
        <v>6</v>
      </c>
      <c r="F52" s="18" t="s">
        <v>211</v>
      </c>
      <c r="G52" s="17" t="s">
        <v>1</v>
      </c>
      <c r="H52" s="18"/>
    </row>
    <row r="53" spans="1:8" ht="40.049999999999997" customHeight="1" x14ac:dyDescent="0.2">
      <c r="A53" s="15" t="s">
        <v>167</v>
      </c>
      <c r="B53" s="16">
        <v>18</v>
      </c>
      <c r="C53" s="17" t="s">
        <v>350</v>
      </c>
      <c r="D53" s="17" t="s">
        <v>351</v>
      </c>
      <c r="E53" s="18" t="s">
        <v>92</v>
      </c>
      <c r="F53" s="18" t="s">
        <v>1139</v>
      </c>
      <c r="G53" s="17" t="s">
        <v>1</v>
      </c>
      <c r="H53" s="18"/>
    </row>
    <row r="54" spans="1:8" ht="40.049999999999997" customHeight="1" x14ac:dyDescent="0.2">
      <c r="A54" s="15" t="s">
        <v>167</v>
      </c>
      <c r="B54" s="16">
        <v>19</v>
      </c>
      <c r="C54" s="17" t="s">
        <v>352</v>
      </c>
      <c r="D54" s="17" t="s">
        <v>353</v>
      </c>
      <c r="E54" s="18" t="s">
        <v>6</v>
      </c>
      <c r="F54" s="18" t="s">
        <v>15</v>
      </c>
      <c r="G54" s="17" t="s">
        <v>1</v>
      </c>
      <c r="H54" s="18"/>
    </row>
    <row r="55" spans="1:8" ht="40.049999999999997" customHeight="1" x14ac:dyDescent="0.2">
      <c r="A55" s="15" t="s">
        <v>167</v>
      </c>
      <c r="B55" s="16">
        <v>20</v>
      </c>
      <c r="C55" s="17" t="s">
        <v>354</v>
      </c>
      <c r="D55" s="17" t="s">
        <v>355</v>
      </c>
      <c r="E55" s="18" t="s">
        <v>6</v>
      </c>
      <c r="F55" s="18" t="s">
        <v>18</v>
      </c>
      <c r="G55" s="17" t="s">
        <v>1</v>
      </c>
      <c r="H55" s="18"/>
    </row>
    <row r="56" spans="1:8" ht="40.049999999999997" customHeight="1" x14ac:dyDescent="0.2">
      <c r="A56" s="15" t="s">
        <v>167</v>
      </c>
      <c r="B56" s="16">
        <v>21</v>
      </c>
      <c r="C56" s="17" t="s">
        <v>356</v>
      </c>
      <c r="D56" s="17" t="s">
        <v>357</v>
      </c>
      <c r="E56" s="18" t="s">
        <v>6</v>
      </c>
      <c r="F56" s="18" t="s">
        <v>204</v>
      </c>
      <c r="G56" s="17" t="s">
        <v>1</v>
      </c>
      <c r="H56" s="18"/>
    </row>
    <row r="57" spans="1:8" ht="40.049999999999997" customHeight="1" x14ac:dyDescent="0.2">
      <c r="A57" s="15" t="s">
        <v>167</v>
      </c>
      <c r="B57" s="16">
        <v>22</v>
      </c>
      <c r="C57" s="17" t="s">
        <v>177</v>
      </c>
      <c r="D57" s="17" t="s">
        <v>358</v>
      </c>
      <c r="E57" s="18" t="s">
        <v>92</v>
      </c>
      <c r="F57" s="18" t="s">
        <v>1140</v>
      </c>
      <c r="G57" s="17" t="s">
        <v>1</v>
      </c>
      <c r="H57" s="18"/>
    </row>
    <row r="58" spans="1:8" ht="40.049999999999997" customHeight="1" x14ac:dyDescent="0.2">
      <c r="A58" s="15" t="s">
        <v>167</v>
      </c>
      <c r="B58" s="16">
        <v>23</v>
      </c>
      <c r="C58" s="17" t="s">
        <v>359</v>
      </c>
      <c r="D58" s="17" t="s">
        <v>360</v>
      </c>
      <c r="E58" s="18" t="s">
        <v>6</v>
      </c>
      <c r="F58" s="18" t="s">
        <v>19</v>
      </c>
      <c r="G58" s="17" t="s">
        <v>1</v>
      </c>
      <c r="H58" s="18"/>
    </row>
    <row r="59" spans="1:8" ht="40.049999999999997" customHeight="1" x14ac:dyDescent="0.2">
      <c r="A59" s="15" t="s">
        <v>167</v>
      </c>
      <c r="B59" s="16">
        <v>24</v>
      </c>
      <c r="C59" s="17" t="s">
        <v>361</v>
      </c>
      <c r="D59" s="17" t="s">
        <v>362</v>
      </c>
      <c r="E59" s="18" t="s">
        <v>6</v>
      </c>
      <c r="F59" s="18" t="s">
        <v>210</v>
      </c>
      <c r="G59" s="17" t="s">
        <v>1</v>
      </c>
      <c r="H59" s="18"/>
    </row>
    <row r="60" spans="1:8" ht="40.049999999999997" customHeight="1" x14ac:dyDescent="0.2">
      <c r="A60" s="15" t="s">
        <v>167</v>
      </c>
      <c r="B60" s="16">
        <v>25</v>
      </c>
      <c r="C60" s="17" t="s">
        <v>363</v>
      </c>
      <c r="D60" s="17" t="s">
        <v>364</v>
      </c>
      <c r="E60" s="18" t="s">
        <v>6</v>
      </c>
      <c r="F60" s="18" t="s">
        <v>16</v>
      </c>
      <c r="G60" s="17" t="s">
        <v>1</v>
      </c>
      <c r="H60" s="18"/>
    </row>
    <row r="61" spans="1:8" ht="40.049999999999997" customHeight="1" x14ac:dyDescent="0.2">
      <c r="A61" s="15" t="s">
        <v>167</v>
      </c>
      <c r="B61" s="16">
        <v>26</v>
      </c>
      <c r="C61" s="17" t="s">
        <v>365</v>
      </c>
      <c r="D61" s="17" t="s">
        <v>366</v>
      </c>
      <c r="E61" s="18" t="s">
        <v>6</v>
      </c>
      <c r="F61" s="18" t="s">
        <v>8</v>
      </c>
      <c r="G61" s="17" t="s">
        <v>1</v>
      </c>
      <c r="H61" s="18"/>
    </row>
    <row r="62" spans="1:8" ht="40.049999999999997" customHeight="1" x14ac:dyDescent="0.2">
      <c r="A62" s="15" t="s">
        <v>167</v>
      </c>
      <c r="B62" s="16">
        <v>27</v>
      </c>
      <c r="C62" s="17" t="s">
        <v>367</v>
      </c>
      <c r="D62" s="17" t="s">
        <v>368</v>
      </c>
      <c r="E62" s="18" t="s">
        <v>6</v>
      </c>
      <c r="F62" s="18" t="s">
        <v>214</v>
      </c>
      <c r="G62" s="17" t="s">
        <v>1</v>
      </c>
      <c r="H62" s="18"/>
    </row>
    <row r="63" spans="1:8" ht="40.049999999999997" customHeight="1" x14ac:dyDescent="0.2">
      <c r="A63" s="15" t="s">
        <v>167</v>
      </c>
      <c r="B63" s="16">
        <v>28</v>
      </c>
      <c r="C63" s="17" t="s">
        <v>369</v>
      </c>
      <c r="D63" s="17" t="s">
        <v>370</v>
      </c>
      <c r="E63" s="18" t="s">
        <v>6</v>
      </c>
      <c r="F63" s="18" t="s">
        <v>214</v>
      </c>
      <c r="G63" s="17" t="s">
        <v>1</v>
      </c>
      <c r="H63" s="18"/>
    </row>
    <row r="64" spans="1:8" ht="40.049999999999997" customHeight="1" x14ac:dyDescent="0.2">
      <c r="A64" s="15" t="s">
        <v>168</v>
      </c>
      <c r="B64" s="16">
        <v>18</v>
      </c>
      <c r="C64" s="17" t="s">
        <v>371</v>
      </c>
      <c r="D64" s="17" t="s">
        <v>372</v>
      </c>
      <c r="E64" s="18" t="s">
        <v>6</v>
      </c>
      <c r="F64" s="18" t="s">
        <v>1141</v>
      </c>
      <c r="G64" s="17" t="s">
        <v>1</v>
      </c>
      <c r="H64" s="18"/>
    </row>
    <row r="65" spans="1:8" ht="40.049999999999997" customHeight="1" x14ac:dyDescent="0.2">
      <c r="A65" s="15" t="s">
        <v>168</v>
      </c>
      <c r="B65" s="16">
        <v>29</v>
      </c>
      <c r="C65" s="17" t="s">
        <v>373</v>
      </c>
      <c r="D65" s="17" t="s">
        <v>374</v>
      </c>
      <c r="E65" s="18" t="s">
        <v>6</v>
      </c>
      <c r="F65" s="18" t="s">
        <v>215</v>
      </c>
      <c r="G65" s="17" t="s">
        <v>1</v>
      </c>
      <c r="H65" s="18"/>
    </row>
    <row r="66" spans="1:8" ht="40.049999999999997" customHeight="1" x14ac:dyDescent="0.2">
      <c r="A66" s="15" t="s">
        <v>168</v>
      </c>
      <c r="B66" s="16">
        <v>30</v>
      </c>
      <c r="C66" s="17" t="s">
        <v>375</v>
      </c>
      <c r="D66" s="17" t="s">
        <v>376</v>
      </c>
      <c r="E66" s="18" t="s">
        <v>6</v>
      </c>
      <c r="F66" s="18" t="s">
        <v>216</v>
      </c>
      <c r="G66" s="17" t="s">
        <v>1</v>
      </c>
      <c r="H66" s="18"/>
    </row>
    <row r="67" spans="1:8" ht="40.049999999999997" customHeight="1" x14ac:dyDescent="0.2">
      <c r="A67" s="15" t="s">
        <v>168</v>
      </c>
      <c r="B67" s="16">
        <v>31</v>
      </c>
      <c r="C67" s="17" t="s">
        <v>377</v>
      </c>
      <c r="D67" s="17" t="s">
        <v>378</v>
      </c>
      <c r="E67" s="18" t="s">
        <v>6</v>
      </c>
      <c r="F67" s="18" t="s">
        <v>24</v>
      </c>
      <c r="G67" s="17" t="s">
        <v>1</v>
      </c>
      <c r="H67" s="18"/>
    </row>
    <row r="68" spans="1:8" ht="40.049999999999997" customHeight="1" x14ac:dyDescent="0.2">
      <c r="A68" s="15" t="s">
        <v>168</v>
      </c>
      <c r="B68" s="16">
        <v>1</v>
      </c>
      <c r="C68" s="17" t="s">
        <v>379</v>
      </c>
      <c r="D68" s="17" t="s">
        <v>380</v>
      </c>
      <c r="E68" s="18" t="s">
        <v>6</v>
      </c>
      <c r="F68" s="18" t="s">
        <v>135</v>
      </c>
      <c r="G68" s="17" t="s">
        <v>1</v>
      </c>
      <c r="H68" s="18"/>
    </row>
    <row r="69" spans="1:8" ht="40.049999999999997" customHeight="1" x14ac:dyDescent="0.2">
      <c r="A69" s="15" t="s">
        <v>168</v>
      </c>
      <c r="B69" s="16">
        <v>2</v>
      </c>
      <c r="C69" s="17" t="s">
        <v>381</v>
      </c>
      <c r="D69" s="17" t="s">
        <v>382</v>
      </c>
      <c r="E69" s="18" t="s">
        <v>6</v>
      </c>
      <c r="F69" s="18" t="s">
        <v>23</v>
      </c>
      <c r="G69" s="17" t="s">
        <v>1</v>
      </c>
      <c r="H69" s="18"/>
    </row>
    <row r="70" spans="1:8" ht="40.049999999999997" customHeight="1" x14ac:dyDescent="0.2">
      <c r="A70" s="15" t="s">
        <v>168</v>
      </c>
      <c r="B70" s="16">
        <v>3</v>
      </c>
      <c r="C70" s="17" t="s">
        <v>383</v>
      </c>
      <c r="D70" s="17" t="s">
        <v>384</v>
      </c>
      <c r="E70" s="18" t="s">
        <v>6</v>
      </c>
      <c r="F70" s="18" t="s">
        <v>20</v>
      </c>
      <c r="G70" s="17" t="s">
        <v>1</v>
      </c>
      <c r="H70" s="18"/>
    </row>
    <row r="71" spans="1:8" ht="40.049999999999997" customHeight="1" x14ac:dyDescent="0.2">
      <c r="A71" s="15" t="s">
        <v>168</v>
      </c>
      <c r="B71" s="16">
        <v>4</v>
      </c>
      <c r="C71" s="17" t="s">
        <v>385</v>
      </c>
      <c r="D71" s="17" t="s">
        <v>386</v>
      </c>
      <c r="E71" s="18" t="s">
        <v>6</v>
      </c>
      <c r="F71" s="18" t="s">
        <v>135</v>
      </c>
      <c r="G71" s="17" t="s">
        <v>1</v>
      </c>
      <c r="H71" s="18"/>
    </row>
    <row r="72" spans="1:8" ht="40.049999999999997" customHeight="1" x14ac:dyDescent="0.2">
      <c r="A72" s="15" t="s">
        <v>168</v>
      </c>
      <c r="B72" s="16">
        <v>5</v>
      </c>
      <c r="C72" s="17" t="s">
        <v>387</v>
      </c>
      <c r="D72" s="17" t="s">
        <v>388</v>
      </c>
      <c r="E72" s="18" t="s">
        <v>6</v>
      </c>
      <c r="F72" s="18" t="s">
        <v>129</v>
      </c>
      <c r="G72" s="17" t="s">
        <v>1</v>
      </c>
      <c r="H72" s="18"/>
    </row>
    <row r="73" spans="1:8" ht="40.049999999999997" customHeight="1" x14ac:dyDescent="0.2">
      <c r="A73" s="15" t="s">
        <v>168</v>
      </c>
      <c r="B73" s="16">
        <v>6</v>
      </c>
      <c r="C73" s="17" t="s">
        <v>389</v>
      </c>
      <c r="D73" s="17" t="s">
        <v>390</v>
      </c>
      <c r="E73" s="18" t="s">
        <v>6</v>
      </c>
      <c r="F73" s="18" t="s">
        <v>26</v>
      </c>
      <c r="G73" s="17" t="s">
        <v>1</v>
      </c>
      <c r="H73" s="18"/>
    </row>
    <row r="74" spans="1:8" ht="40.049999999999997" customHeight="1" x14ac:dyDescent="0.2">
      <c r="A74" s="15" t="s">
        <v>168</v>
      </c>
      <c r="B74" s="16">
        <v>7</v>
      </c>
      <c r="C74" s="17" t="s">
        <v>391</v>
      </c>
      <c r="D74" s="17" t="s">
        <v>392</v>
      </c>
      <c r="E74" s="18" t="s">
        <v>6</v>
      </c>
      <c r="F74" s="18" t="s">
        <v>21</v>
      </c>
      <c r="G74" s="17" t="s">
        <v>1</v>
      </c>
      <c r="H74" s="18"/>
    </row>
    <row r="75" spans="1:8" ht="40.049999999999997" customHeight="1" x14ac:dyDescent="0.2">
      <c r="A75" s="15" t="s">
        <v>168</v>
      </c>
      <c r="B75" s="16">
        <v>8</v>
      </c>
      <c r="C75" s="17" t="s">
        <v>393</v>
      </c>
      <c r="D75" s="17" t="s">
        <v>394</v>
      </c>
      <c r="E75" s="18" t="s">
        <v>6</v>
      </c>
      <c r="F75" s="18" t="s">
        <v>26</v>
      </c>
      <c r="G75" s="17" t="s">
        <v>1</v>
      </c>
      <c r="H75" s="18"/>
    </row>
    <row r="76" spans="1:8" ht="40.049999999999997" customHeight="1" x14ac:dyDescent="0.2">
      <c r="A76" s="15" t="s">
        <v>168</v>
      </c>
      <c r="B76" s="16">
        <v>9</v>
      </c>
      <c r="C76" s="17" t="s">
        <v>395</v>
      </c>
      <c r="D76" s="17" t="s">
        <v>396</v>
      </c>
      <c r="E76" s="18" t="s">
        <v>6</v>
      </c>
      <c r="F76" s="18" t="s">
        <v>23</v>
      </c>
      <c r="G76" s="17" t="s">
        <v>1</v>
      </c>
      <c r="H76" s="18"/>
    </row>
    <row r="77" spans="1:8" ht="40.049999999999997" customHeight="1" x14ac:dyDescent="0.2">
      <c r="A77" s="15" t="s">
        <v>168</v>
      </c>
      <c r="B77" s="16">
        <v>10</v>
      </c>
      <c r="C77" s="17" t="s">
        <v>397</v>
      </c>
      <c r="D77" s="17" t="s">
        <v>398</v>
      </c>
      <c r="E77" s="18" t="s">
        <v>6</v>
      </c>
      <c r="F77" s="18" t="s">
        <v>133</v>
      </c>
      <c r="G77" s="17" t="s">
        <v>1</v>
      </c>
      <c r="H77" s="18"/>
    </row>
    <row r="78" spans="1:8" ht="40.049999999999997" customHeight="1" x14ac:dyDescent="0.2">
      <c r="A78" s="15" t="s">
        <v>168</v>
      </c>
      <c r="B78" s="16">
        <v>11</v>
      </c>
      <c r="C78" s="17" t="s">
        <v>399</v>
      </c>
      <c r="D78" s="17" t="s">
        <v>400</v>
      </c>
      <c r="E78" s="18" t="s">
        <v>6</v>
      </c>
      <c r="F78" s="18" t="s">
        <v>25</v>
      </c>
      <c r="G78" s="17" t="s">
        <v>1</v>
      </c>
      <c r="H78" s="18"/>
    </row>
    <row r="79" spans="1:8" ht="40.049999999999997" customHeight="1" x14ac:dyDescent="0.2">
      <c r="A79" s="15" t="s">
        <v>168</v>
      </c>
      <c r="B79" s="16">
        <v>12</v>
      </c>
      <c r="C79" s="17" t="s">
        <v>401</v>
      </c>
      <c r="D79" s="17" t="s">
        <v>402</v>
      </c>
      <c r="E79" s="18" t="s">
        <v>6</v>
      </c>
      <c r="F79" s="18" t="s">
        <v>216</v>
      </c>
      <c r="G79" s="17" t="s">
        <v>1</v>
      </c>
      <c r="H79" s="18"/>
    </row>
    <row r="80" spans="1:8" ht="40.049999999999997" customHeight="1" x14ac:dyDescent="0.2">
      <c r="A80" s="15" t="s">
        <v>168</v>
      </c>
      <c r="B80" s="16">
        <v>14</v>
      </c>
      <c r="C80" s="17" t="s">
        <v>403</v>
      </c>
      <c r="D80" s="17" t="s">
        <v>404</v>
      </c>
      <c r="E80" s="18" t="s">
        <v>6</v>
      </c>
      <c r="F80" s="18" t="s">
        <v>216</v>
      </c>
      <c r="G80" s="17" t="s">
        <v>1</v>
      </c>
      <c r="H80" s="18"/>
    </row>
    <row r="81" spans="1:8" ht="40.049999999999997" customHeight="1" x14ac:dyDescent="0.2">
      <c r="A81" s="15" t="s">
        <v>168</v>
      </c>
      <c r="B81" s="16">
        <v>15</v>
      </c>
      <c r="C81" s="17" t="s">
        <v>405</v>
      </c>
      <c r="D81" s="17" t="s">
        <v>406</v>
      </c>
      <c r="E81" s="18" t="s">
        <v>6</v>
      </c>
      <c r="F81" s="18" t="s">
        <v>20</v>
      </c>
      <c r="G81" s="17" t="s">
        <v>1</v>
      </c>
      <c r="H81" s="18"/>
    </row>
    <row r="82" spans="1:8" ht="40.049999999999997" customHeight="1" x14ac:dyDescent="0.2">
      <c r="A82" s="15" t="s">
        <v>168</v>
      </c>
      <c r="B82" s="16">
        <v>16</v>
      </c>
      <c r="C82" s="17" t="s">
        <v>407</v>
      </c>
      <c r="D82" s="17" t="s">
        <v>408</v>
      </c>
      <c r="E82" s="18" t="s">
        <v>6</v>
      </c>
      <c r="F82" s="18" t="s">
        <v>20</v>
      </c>
      <c r="G82" s="17" t="s">
        <v>1</v>
      </c>
      <c r="H82" s="18"/>
    </row>
    <row r="83" spans="1:8" ht="40.049999999999997" customHeight="1" x14ac:dyDescent="0.2">
      <c r="A83" s="15" t="s">
        <v>168</v>
      </c>
      <c r="B83" s="16">
        <v>17</v>
      </c>
      <c r="C83" s="17" t="s">
        <v>409</v>
      </c>
      <c r="D83" s="17" t="s">
        <v>410</v>
      </c>
      <c r="E83" s="18" t="s">
        <v>6</v>
      </c>
      <c r="F83" s="18" t="s">
        <v>26</v>
      </c>
      <c r="G83" s="17" t="s">
        <v>1</v>
      </c>
      <c r="H83" s="18"/>
    </row>
    <row r="84" spans="1:8" ht="40.049999999999997" customHeight="1" x14ac:dyDescent="0.2">
      <c r="A84" s="15" t="s">
        <v>168</v>
      </c>
      <c r="B84" s="16">
        <v>20</v>
      </c>
      <c r="C84" s="17" t="s">
        <v>411</v>
      </c>
      <c r="D84" s="17" t="s">
        <v>412</v>
      </c>
      <c r="E84" s="18" t="s">
        <v>6</v>
      </c>
      <c r="F84" s="18" t="s">
        <v>216</v>
      </c>
      <c r="G84" s="17" t="s">
        <v>1</v>
      </c>
      <c r="H84" s="18"/>
    </row>
    <row r="85" spans="1:8" ht="40.049999999999997" customHeight="1" x14ac:dyDescent="0.2">
      <c r="A85" s="15" t="s">
        <v>168</v>
      </c>
      <c r="B85" s="16">
        <v>23</v>
      </c>
      <c r="C85" s="17" t="s">
        <v>413</v>
      </c>
      <c r="D85" s="17" t="s">
        <v>414</v>
      </c>
      <c r="E85" s="18" t="s">
        <v>6</v>
      </c>
      <c r="F85" s="18" t="s">
        <v>1142</v>
      </c>
      <c r="G85" s="17" t="s">
        <v>1</v>
      </c>
      <c r="H85" s="18"/>
    </row>
    <row r="86" spans="1:8" ht="40.049999999999997" customHeight="1" x14ac:dyDescent="0.2">
      <c r="A86" s="15" t="s">
        <v>169</v>
      </c>
      <c r="B86" s="16">
        <v>15</v>
      </c>
      <c r="C86" s="17" t="s">
        <v>415</v>
      </c>
      <c r="D86" s="17" t="s">
        <v>416</v>
      </c>
      <c r="E86" s="18" t="s">
        <v>6</v>
      </c>
      <c r="F86" s="18" t="s">
        <v>29</v>
      </c>
      <c r="G86" s="17" t="s">
        <v>1</v>
      </c>
      <c r="H86" s="18"/>
    </row>
    <row r="87" spans="1:8" ht="40.049999999999997" customHeight="1" x14ac:dyDescent="0.2">
      <c r="A87" s="15" t="s">
        <v>169</v>
      </c>
      <c r="B87" s="16">
        <v>20</v>
      </c>
      <c r="C87" s="17" t="s">
        <v>417</v>
      </c>
      <c r="D87" s="17" t="s">
        <v>418</v>
      </c>
      <c r="E87" s="18" t="s">
        <v>6</v>
      </c>
      <c r="F87" s="18" t="s">
        <v>1143</v>
      </c>
      <c r="G87" s="17" t="s">
        <v>1</v>
      </c>
      <c r="H87" s="18"/>
    </row>
    <row r="88" spans="1:8" ht="40.049999999999997" customHeight="1" x14ac:dyDescent="0.2">
      <c r="A88" s="15" t="s">
        <v>169</v>
      </c>
      <c r="B88" s="16">
        <v>21</v>
      </c>
      <c r="C88" s="17" t="s">
        <v>419</v>
      </c>
      <c r="D88" s="17" t="s">
        <v>420</v>
      </c>
      <c r="E88" s="18" t="s">
        <v>6</v>
      </c>
      <c r="F88" s="18" t="s">
        <v>31</v>
      </c>
      <c r="G88" s="17" t="s">
        <v>1</v>
      </c>
      <c r="H88" s="18"/>
    </row>
    <row r="89" spans="1:8" ht="40.049999999999997" customHeight="1" x14ac:dyDescent="0.2">
      <c r="A89" s="15" t="s">
        <v>169</v>
      </c>
      <c r="B89" s="16">
        <v>22</v>
      </c>
      <c r="C89" s="17" t="s">
        <v>421</v>
      </c>
      <c r="D89" s="17" t="s">
        <v>422</v>
      </c>
      <c r="E89" s="18" t="s">
        <v>6</v>
      </c>
      <c r="F89" s="18" t="s">
        <v>95</v>
      </c>
      <c r="G89" s="17" t="s">
        <v>1</v>
      </c>
      <c r="H89" s="18"/>
    </row>
    <row r="90" spans="1:8" ht="40.049999999999997" customHeight="1" x14ac:dyDescent="0.2">
      <c r="A90" s="15" t="s">
        <v>169</v>
      </c>
      <c r="B90" s="16">
        <v>1</v>
      </c>
      <c r="C90" s="17" t="s">
        <v>423</v>
      </c>
      <c r="D90" s="17" t="s">
        <v>424</v>
      </c>
      <c r="E90" s="18" t="s">
        <v>6</v>
      </c>
      <c r="F90" s="18" t="s">
        <v>28</v>
      </c>
      <c r="G90" s="17" t="s">
        <v>1</v>
      </c>
      <c r="H90" s="18"/>
    </row>
    <row r="91" spans="1:8" ht="40.049999999999997" customHeight="1" x14ac:dyDescent="0.2">
      <c r="A91" s="15" t="s">
        <v>169</v>
      </c>
      <c r="B91" s="16">
        <v>2</v>
      </c>
      <c r="C91" s="17" t="s">
        <v>425</v>
      </c>
      <c r="D91" s="17" t="s">
        <v>426</v>
      </c>
      <c r="E91" s="18" t="s">
        <v>6</v>
      </c>
      <c r="F91" s="18" t="s">
        <v>28</v>
      </c>
      <c r="G91" s="17" t="s">
        <v>1</v>
      </c>
      <c r="H91" s="18"/>
    </row>
    <row r="92" spans="1:8" ht="40.049999999999997" customHeight="1" x14ac:dyDescent="0.2">
      <c r="A92" s="15" t="s">
        <v>169</v>
      </c>
      <c r="B92" s="16">
        <v>3</v>
      </c>
      <c r="C92" s="17" t="s">
        <v>427</v>
      </c>
      <c r="D92" s="17" t="s">
        <v>428</v>
      </c>
      <c r="E92" s="18" t="s">
        <v>6</v>
      </c>
      <c r="F92" s="18" t="s">
        <v>136</v>
      </c>
      <c r="G92" s="17" t="s">
        <v>1</v>
      </c>
      <c r="H92" s="18"/>
    </row>
    <row r="93" spans="1:8" ht="40.049999999999997" customHeight="1" x14ac:dyDescent="0.2">
      <c r="A93" s="15" t="s">
        <v>169</v>
      </c>
      <c r="B93" s="16">
        <v>4</v>
      </c>
      <c r="C93" s="17" t="s">
        <v>429</v>
      </c>
      <c r="D93" s="17" t="s">
        <v>430</v>
      </c>
      <c r="E93" s="18" t="s">
        <v>6</v>
      </c>
      <c r="F93" s="18" t="s">
        <v>137</v>
      </c>
      <c r="G93" s="17" t="s">
        <v>1</v>
      </c>
      <c r="H93" s="18"/>
    </row>
    <row r="94" spans="1:8" ht="40.049999999999997" customHeight="1" x14ac:dyDescent="0.2">
      <c r="A94" s="15" t="s">
        <v>169</v>
      </c>
      <c r="B94" s="16">
        <v>5</v>
      </c>
      <c r="C94" s="17" t="s">
        <v>431</v>
      </c>
      <c r="D94" s="17" t="s">
        <v>432</v>
      </c>
      <c r="E94" s="18" t="s">
        <v>6</v>
      </c>
      <c r="F94" s="18" t="s">
        <v>109</v>
      </c>
      <c r="G94" s="17" t="s">
        <v>1</v>
      </c>
      <c r="H94" s="18"/>
    </row>
    <row r="95" spans="1:8" ht="40.049999999999997" customHeight="1" x14ac:dyDescent="0.2">
      <c r="A95" s="15" t="s">
        <v>169</v>
      </c>
      <c r="B95" s="16">
        <v>6</v>
      </c>
      <c r="C95" s="17" t="s">
        <v>433</v>
      </c>
      <c r="D95" s="17" t="s">
        <v>434</v>
      </c>
      <c r="E95" s="18" t="s">
        <v>6</v>
      </c>
      <c r="F95" s="18" t="s">
        <v>28</v>
      </c>
      <c r="G95" s="17" t="s">
        <v>1</v>
      </c>
      <c r="H95" s="18"/>
    </row>
    <row r="96" spans="1:8" ht="40.049999999999997" customHeight="1" x14ac:dyDescent="0.2">
      <c r="A96" s="15" t="s">
        <v>169</v>
      </c>
      <c r="B96" s="16">
        <v>7</v>
      </c>
      <c r="C96" s="17" t="s">
        <v>435</v>
      </c>
      <c r="D96" s="17" t="s">
        <v>194</v>
      </c>
      <c r="E96" s="18" t="s">
        <v>6</v>
      </c>
      <c r="F96" s="18" t="s">
        <v>27</v>
      </c>
      <c r="G96" s="17" t="s">
        <v>1</v>
      </c>
      <c r="H96" s="18"/>
    </row>
    <row r="97" spans="1:8" ht="40.049999999999997" customHeight="1" x14ac:dyDescent="0.2">
      <c r="A97" s="15" t="s">
        <v>169</v>
      </c>
      <c r="B97" s="16">
        <v>9</v>
      </c>
      <c r="C97" s="17" t="s">
        <v>436</v>
      </c>
      <c r="D97" s="17" t="s">
        <v>437</v>
      </c>
      <c r="E97" s="18" t="s">
        <v>6</v>
      </c>
      <c r="F97" s="18" t="s">
        <v>1144</v>
      </c>
      <c r="G97" s="17" t="s">
        <v>1</v>
      </c>
      <c r="H97" s="18"/>
    </row>
    <row r="98" spans="1:8" ht="40.049999999999997" customHeight="1" x14ac:dyDescent="0.2">
      <c r="A98" s="15" t="s">
        <v>169</v>
      </c>
      <c r="B98" s="16">
        <v>10</v>
      </c>
      <c r="C98" s="17" t="s">
        <v>438</v>
      </c>
      <c r="D98" s="17" t="s">
        <v>439</v>
      </c>
      <c r="E98" s="18" t="s">
        <v>92</v>
      </c>
      <c r="F98" s="18" t="s">
        <v>1139</v>
      </c>
      <c r="G98" s="17" t="s">
        <v>1</v>
      </c>
      <c r="H98" s="18"/>
    </row>
    <row r="99" spans="1:8" ht="40.049999999999997" customHeight="1" x14ac:dyDescent="0.2">
      <c r="A99" s="15" t="s">
        <v>169</v>
      </c>
      <c r="B99" s="16">
        <v>11</v>
      </c>
      <c r="C99" s="17" t="s">
        <v>440</v>
      </c>
      <c r="D99" s="17" t="s">
        <v>441</v>
      </c>
      <c r="E99" s="18" t="s">
        <v>6</v>
      </c>
      <c r="F99" s="18" t="s">
        <v>95</v>
      </c>
      <c r="G99" s="17" t="s">
        <v>1</v>
      </c>
      <c r="H99" s="18"/>
    </row>
    <row r="100" spans="1:8" ht="40.049999999999997" customHeight="1" x14ac:dyDescent="0.2">
      <c r="A100" s="15" t="s">
        <v>169</v>
      </c>
      <c r="B100" s="16">
        <v>12</v>
      </c>
      <c r="C100" s="17" t="s">
        <v>442</v>
      </c>
      <c r="D100" s="17" t="s">
        <v>443</v>
      </c>
      <c r="E100" s="18" t="s">
        <v>6</v>
      </c>
      <c r="F100" s="18" t="s">
        <v>28</v>
      </c>
      <c r="G100" s="17" t="s">
        <v>1</v>
      </c>
      <c r="H100" s="18"/>
    </row>
    <row r="101" spans="1:8" ht="40.049999999999997" customHeight="1" x14ac:dyDescent="0.2">
      <c r="A101" s="15" t="s">
        <v>169</v>
      </c>
      <c r="B101" s="16">
        <v>14</v>
      </c>
      <c r="C101" s="17" t="s">
        <v>444</v>
      </c>
      <c r="D101" s="17" t="s">
        <v>445</v>
      </c>
      <c r="E101" s="18" t="s">
        <v>6</v>
      </c>
      <c r="F101" s="18" t="s">
        <v>1145</v>
      </c>
      <c r="G101" s="17" t="s">
        <v>1</v>
      </c>
      <c r="H101" s="18"/>
    </row>
    <row r="102" spans="1:8" ht="40.049999999999997" customHeight="1" x14ac:dyDescent="0.2">
      <c r="A102" s="15" t="s">
        <v>169</v>
      </c>
      <c r="B102" s="16">
        <v>17</v>
      </c>
      <c r="C102" s="17" t="s">
        <v>446</v>
      </c>
      <c r="D102" s="17" t="s">
        <v>447</v>
      </c>
      <c r="E102" s="18" t="s">
        <v>6</v>
      </c>
      <c r="F102" s="18" t="s">
        <v>137</v>
      </c>
      <c r="G102" s="17" t="s">
        <v>1</v>
      </c>
      <c r="H102" s="18"/>
    </row>
    <row r="103" spans="1:8" ht="40.049999999999997" customHeight="1" x14ac:dyDescent="0.2">
      <c r="A103" s="15" t="s">
        <v>169</v>
      </c>
      <c r="B103" s="16">
        <v>18</v>
      </c>
      <c r="C103" s="17" t="s">
        <v>448</v>
      </c>
      <c r="D103" s="17" t="s">
        <v>449</v>
      </c>
      <c r="E103" s="18" t="s">
        <v>6</v>
      </c>
      <c r="F103" s="18" t="s">
        <v>106</v>
      </c>
      <c r="G103" s="17" t="s">
        <v>1</v>
      </c>
      <c r="H103" s="18"/>
    </row>
    <row r="104" spans="1:8" ht="40.049999999999997" customHeight="1" x14ac:dyDescent="0.2">
      <c r="A104" s="15" t="s">
        <v>169</v>
      </c>
      <c r="B104" s="16">
        <v>20</v>
      </c>
      <c r="C104" s="17" t="s">
        <v>1241</v>
      </c>
      <c r="D104" s="17" t="s">
        <v>1242</v>
      </c>
      <c r="E104" s="18" t="s">
        <v>1253</v>
      </c>
      <c r="F104" s="18" t="s">
        <v>1140</v>
      </c>
      <c r="G104" s="17" t="s">
        <v>1</v>
      </c>
      <c r="H104" s="18"/>
    </row>
    <row r="105" spans="1:8" ht="40.049999999999997" customHeight="1" x14ac:dyDescent="0.2">
      <c r="A105" s="15" t="s">
        <v>169</v>
      </c>
      <c r="B105" s="16">
        <v>21</v>
      </c>
      <c r="C105" s="17" t="s">
        <v>450</v>
      </c>
      <c r="D105" s="17" t="s">
        <v>451</v>
      </c>
      <c r="E105" s="18" t="s">
        <v>6</v>
      </c>
      <c r="F105" s="18" t="s">
        <v>158</v>
      </c>
      <c r="G105" s="17" t="s">
        <v>1</v>
      </c>
      <c r="H105" s="18"/>
    </row>
    <row r="106" spans="1:8" ht="40.049999999999997" customHeight="1" x14ac:dyDescent="0.2">
      <c r="A106" s="15" t="s">
        <v>170</v>
      </c>
      <c r="B106" s="16">
        <v>36</v>
      </c>
      <c r="C106" s="17" t="s">
        <v>452</v>
      </c>
      <c r="D106" s="17" t="s">
        <v>453</v>
      </c>
      <c r="E106" s="18" t="s">
        <v>6</v>
      </c>
      <c r="F106" s="18" t="s">
        <v>10</v>
      </c>
      <c r="G106" s="17" t="s">
        <v>1</v>
      </c>
      <c r="H106" s="18"/>
    </row>
    <row r="107" spans="1:8" ht="40.049999999999997" customHeight="1" x14ac:dyDescent="0.2">
      <c r="A107" s="15" t="s">
        <v>170</v>
      </c>
      <c r="B107" s="16">
        <v>42</v>
      </c>
      <c r="C107" s="17" t="s">
        <v>454</v>
      </c>
      <c r="D107" s="17" t="s">
        <v>455</v>
      </c>
      <c r="E107" s="18" t="s">
        <v>6</v>
      </c>
      <c r="F107" s="18" t="s">
        <v>10</v>
      </c>
      <c r="G107" s="17" t="s">
        <v>1</v>
      </c>
      <c r="H107" s="18"/>
    </row>
    <row r="108" spans="1:8" ht="40.049999999999997" customHeight="1" x14ac:dyDescent="0.2">
      <c r="A108" s="15" t="s">
        <v>170</v>
      </c>
      <c r="B108" s="16">
        <v>43</v>
      </c>
      <c r="C108" s="17" t="s">
        <v>456</v>
      </c>
      <c r="D108" s="17" t="s">
        <v>457</v>
      </c>
      <c r="E108" s="18" t="s">
        <v>6</v>
      </c>
      <c r="F108" s="18" t="s">
        <v>32</v>
      </c>
      <c r="G108" s="17" t="s">
        <v>1</v>
      </c>
      <c r="H108" s="18"/>
    </row>
    <row r="109" spans="1:8" ht="40.049999999999997" customHeight="1" x14ac:dyDescent="0.2">
      <c r="A109" s="15" t="s">
        <v>170</v>
      </c>
      <c r="B109" s="16">
        <v>44</v>
      </c>
      <c r="C109" s="17" t="s">
        <v>458</v>
      </c>
      <c r="D109" s="17" t="s">
        <v>459</v>
      </c>
      <c r="E109" s="18" t="s">
        <v>6</v>
      </c>
      <c r="F109" s="18" t="s">
        <v>37</v>
      </c>
      <c r="G109" s="17" t="s">
        <v>1</v>
      </c>
      <c r="H109" s="18"/>
    </row>
    <row r="110" spans="1:8" ht="40.049999999999997" customHeight="1" x14ac:dyDescent="0.2">
      <c r="A110" s="15" t="s">
        <v>170</v>
      </c>
      <c r="B110" s="16">
        <v>45</v>
      </c>
      <c r="C110" s="17" t="s">
        <v>460</v>
      </c>
      <c r="D110" s="17" t="s">
        <v>461</v>
      </c>
      <c r="E110" s="18" t="s">
        <v>6</v>
      </c>
      <c r="F110" s="18" t="s">
        <v>39</v>
      </c>
      <c r="G110" s="17" t="s">
        <v>1</v>
      </c>
      <c r="H110" s="18"/>
    </row>
    <row r="111" spans="1:8" ht="40.049999999999997" customHeight="1" x14ac:dyDescent="0.2">
      <c r="A111" s="15" t="s">
        <v>170</v>
      </c>
      <c r="B111" s="16">
        <v>48</v>
      </c>
      <c r="C111" s="17" t="s">
        <v>462</v>
      </c>
      <c r="D111" s="17" t="s">
        <v>463</v>
      </c>
      <c r="E111" s="18" t="s">
        <v>6</v>
      </c>
      <c r="F111" s="18" t="s">
        <v>34</v>
      </c>
      <c r="G111" s="17" t="s">
        <v>1</v>
      </c>
      <c r="H111" s="18"/>
    </row>
    <row r="112" spans="1:8" ht="40.049999999999997" customHeight="1" x14ac:dyDescent="0.2">
      <c r="A112" s="15" t="s">
        <v>170</v>
      </c>
      <c r="B112" s="16">
        <v>50</v>
      </c>
      <c r="C112" s="17" t="s">
        <v>464</v>
      </c>
      <c r="D112" s="17" t="s">
        <v>465</v>
      </c>
      <c r="E112" s="18" t="s">
        <v>6</v>
      </c>
      <c r="F112" s="18" t="s">
        <v>10</v>
      </c>
      <c r="G112" s="17" t="s">
        <v>1</v>
      </c>
      <c r="H112" s="18"/>
    </row>
    <row r="113" spans="1:8" ht="40.049999999999997" customHeight="1" x14ac:dyDescent="0.2">
      <c r="A113" s="15" t="s">
        <v>170</v>
      </c>
      <c r="B113" s="16">
        <v>1</v>
      </c>
      <c r="C113" s="17" t="s">
        <v>466</v>
      </c>
      <c r="D113" s="17" t="s">
        <v>467</v>
      </c>
      <c r="E113" s="18" t="s">
        <v>6</v>
      </c>
      <c r="F113" s="18" t="s">
        <v>34</v>
      </c>
      <c r="G113" s="17" t="s">
        <v>1</v>
      </c>
      <c r="H113" s="18"/>
    </row>
    <row r="114" spans="1:8" ht="40.049999999999997" customHeight="1" x14ac:dyDescent="0.2">
      <c r="A114" s="15" t="s">
        <v>170</v>
      </c>
      <c r="B114" s="16">
        <v>2</v>
      </c>
      <c r="C114" s="17" t="s">
        <v>468</v>
      </c>
      <c r="D114" s="17" t="s">
        <v>469</v>
      </c>
      <c r="E114" s="18" t="s">
        <v>6</v>
      </c>
      <c r="F114" s="18" t="s">
        <v>36</v>
      </c>
      <c r="G114" s="17" t="s">
        <v>1</v>
      </c>
      <c r="H114" s="18"/>
    </row>
    <row r="115" spans="1:8" ht="40.049999999999997" customHeight="1" x14ac:dyDescent="0.2">
      <c r="A115" s="15" t="s">
        <v>170</v>
      </c>
      <c r="B115" s="16">
        <v>3</v>
      </c>
      <c r="C115" s="17" t="s">
        <v>470</v>
      </c>
      <c r="D115" s="17" t="s">
        <v>471</v>
      </c>
      <c r="E115" s="18" t="s">
        <v>6</v>
      </c>
      <c r="F115" s="18" t="s">
        <v>34</v>
      </c>
      <c r="G115" s="17" t="s">
        <v>1</v>
      </c>
      <c r="H115" s="18"/>
    </row>
    <row r="116" spans="1:8" ht="40.049999999999997" customHeight="1" x14ac:dyDescent="0.2">
      <c r="A116" s="15" t="s">
        <v>170</v>
      </c>
      <c r="B116" s="16">
        <v>4</v>
      </c>
      <c r="C116" s="17" t="s">
        <v>472</v>
      </c>
      <c r="D116" s="17" t="s">
        <v>473</v>
      </c>
      <c r="E116" s="18" t="s">
        <v>6</v>
      </c>
      <c r="F116" s="18" t="s">
        <v>39</v>
      </c>
      <c r="G116" s="17" t="s">
        <v>1</v>
      </c>
      <c r="H116" s="18"/>
    </row>
    <row r="117" spans="1:8" ht="40.049999999999997" customHeight="1" x14ac:dyDescent="0.2">
      <c r="A117" s="15" t="s">
        <v>170</v>
      </c>
      <c r="B117" s="16">
        <v>5</v>
      </c>
      <c r="C117" s="17" t="s">
        <v>474</v>
      </c>
      <c r="D117" s="17" t="s">
        <v>475</v>
      </c>
      <c r="E117" s="18" t="s">
        <v>6</v>
      </c>
      <c r="F117" s="18" t="s">
        <v>110</v>
      </c>
      <c r="G117" s="17" t="s">
        <v>1</v>
      </c>
      <c r="H117" s="18"/>
    </row>
    <row r="118" spans="1:8" ht="40.049999999999997" customHeight="1" x14ac:dyDescent="0.2">
      <c r="A118" s="15" t="s">
        <v>170</v>
      </c>
      <c r="B118" s="16">
        <v>6</v>
      </c>
      <c r="C118" s="17" t="s">
        <v>476</v>
      </c>
      <c r="D118" s="17" t="s">
        <v>477</v>
      </c>
      <c r="E118" s="18" t="s">
        <v>6</v>
      </c>
      <c r="F118" s="18" t="s">
        <v>219</v>
      </c>
      <c r="G118" s="17" t="s">
        <v>1</v>
      </c>
      <c r="H118" s="18"/>
    </row>
    <row r="119" spans="1:8" ht="40.049999999999997" customHeight="1" x14ac:dyDescent="0.2">
      <c r="A119" s="15" t="s">
        <v>170</v>
      </c>
      <c r="B119" s="16">
        <v>8</v>
      </c>
      <c r="C119" s="17" t="s">
        <v>478</v>
      </c>
      <c r="D119" s="17" t="s">
        <v>479</v>
      </c>
      <c r="E119" s="18" t="s">
        <v>6</v>
      </c>
      <c r="F119" s="18" t="s">
        <v>38</v>
      </c>
      <c r="G119" s="17" t="s">
        <v>1</v>
      </c>
      <c r="H119" s="18"/>
    </row>
    <row r="120" spans="1:8" ht="40.049999999999997" customHeight="1" x14ac:dyDescent="0.2">
      <c r="A120" s="15" t="s">
        <v>170</v>
      </c>
      <c r="B120" s="16">
        <v>9</v>
      </c>
      <c r="C120" s="17" t="s">
        <v>480</v>
      </c>
      <c r="D120" s="17" t="s">
        <v>481</v>
      </c>
      <c r="E120" s="18" t="s">
        <v>6</v>
      </c>
      <c r="F120" s="18" t="s">
        <v>33</v>
      </c>
      <c r="G120" s="17" t="s">
        <v>1</v>
      </c>
      <c r="H120" s="18"/>
    </row>
    <row r="121" spans="1:8" ht="40.049999999999997" customHeight="1" x14ac:dyDescent="0.2">
      <c r="A121" s="15" t="s">
        <v>170</v>
      </c>
      <c r="B121" s="16">
        <v>10</v>
      </c>
      <c r="C121" s="17" t="s">
        <v>482</v>
      </c>
      <c r="D121" s="17" t="s">
        <v>483</v>
      </c>
      <c r="E121" s="18" t="s">
        <v>6</v>
      </c>
      <c r="F121" s="18" t="s">
        <v>47</v>
      </c>
      <c r="G121" s="17" t="s">
        <v>1</v>
      </c>
      <c r="H121" s="18"/>
    </row>
    <row r="122" spans="1:8" ht="40.049999999999997" customHeight="1" x14ac:dyDescent="0.2">
      <c r="A122" s="15" t="s">
        <v>170</v>
      </c>
      <c r="B122" s="16">
        <v>14</v>
      </c>
      <c r="C122" s="17" t="s">
        <v>484</v>
      </c>
      <c r="D122" s="17" t="s">
        <v>485</v>
      </c>
      <c r="E122" s="18" t="s">
        <v>6</v>
      </c>
      <c r="F122" s="18" t="s">
        <v>33</v>
      </c>
      <c r="G122" s="17" t="s">
        <v>1</v>
      </c>
      <c r="H122" s="18"/>
    </row>
    <row r="123" spans="1:8" ht="40.049999999999997" customHeight="1" x14ac:dyDescent="0.2">
      <c r="A123" s="15" t="s">
        <v>170</v>
      </c>
      <c r="B123" s="16">
        <v>15</v>
      </c>
      <c r="C123" s="17" t="s">
        <v>486</v>
      </c>
      <c r="D123" s="17" t="s">
        <v>487</v>
      </c>
      <c r="E123" s="18" t="s">
        <v>6</v>
      </c>
      <c r="F123" s="18" t="s">
        <v>10</v>
      </c>
      <c r="G123" s="17" t="s">
        <v>1</v>
      </c>
      <c r="H123" s="18"/>
    </row>
    <row r="124" spans="1:8" ht="40.049999999999997" customHeight="1" x14ac:dyDescent="0.2">
      <c r="A124" s="15" t="s">
        <v>170</v>
      </c>
      <c r="B124" s="16">
        <v>16</v>
      </c>
      <c r="C124" s="17" t="s">
        <v>488</v>
      </c>
      <c r="D124" s="17" t="s">
        <v>489</v>
      </c>
      <c r="E124" s="18" t="s">
        <v>6</v>
      </c>
      <c r="F124" s="18" t="s">
        <v>45</v>
      </c>
      <c r="G124" s="17" t="s">
        <v>1</v>
      </c>
      <c r="H124" s="18"/>
    </row>
    <row r="125" spans="1:8" ht="40.049999999999997" customHeight="1" x14ac:dyDescent="0.2">
      <c r="A125" s="15" t="s">
        <v>170</v>
      </c>
      <c r="B125" s="16">
        <v>17</v>
      </c>
      <c r="C125" s="17" t="s">
        <v>490</v>
      </c>
      <c r="D125" s="17" t="s">
        <v>491</v>
      </c>
      <c r="E125" s="18" t="s">
        <v>6</v>
      </c>
      <c r="F125" s="18" t="s">
        <v>218</v>
      </c>
      <c r="G125" s="17" t="s">
        <v>1</v>
      </c>
      <c r="H125" s="18"/>
    </row>
    <row r="126" spans="1:8" ht="40.049999999999997" customHeight="1" x14ac:dyDescent="0.2">
      <c r="A126" s="15" t="s">
        <v>170</v>
      </c>
      <c r="B126" s="16">
        <v>18</v>
      </c>
      <c r="C126" s="17" t="s">
        <v>492</v>
      </c>
      <c r="D126" s="17" t="s">
        <v>493</v>
      </c>
      <c r="E126" s="18" t="s">
        <v>6</v>
      </c>
      <c r="F126" s="18" t="s">
        <v>39</v>
      </c>
      <c r="G126" s="17" t="s">
        <v>1</v>
      </c>
      <c r="H126" s="18"/>
    </row>
    <row r="127" spans="1:8" ht="40.049999999999997" customHeight="1" x14ac:dyDescent="0.2">
      <c r="A127" s="15" t="s">
        <v>170</v>
      </c>
      <c r="B127" s="16">
        <v>19</v>
      </c>
      <c r="C127" s="17" t="s">
        <v>494</v>
      </c>
      <c r="D127" s="17" t="s">
        <v>495</v>
      </c>
      <c r="E127" s="18" t="s">
        <v>6</v>
      </c>
      <c r="F127" s="18" t="s">
        <v>32</v>
      </c>
      <c r="G127" s="17" t="s">
        <v>1</v>
      </c>
      <c r="H127" s="18"/>
    </row>
    <row r="128" spans="1:8" ht="40.049999999999997" customHeight="1" x14ac:dyDescent="0.2">
      <c r="A128" s="15" t="s">
        <v>170</v>
      </c>
      <c r="B128" s="16">
        <v>20</v>
      </c>
      <c r="C128" s="17" t="s">
        <v>496</v>
      </c>
      <c r="D128" s="17" t="s">
        <v>497</v>
      </c>
      <c r="E128" s="18" t="s">
        <v>6</v>
      </c>
      <c r="F128" s="18" t="s">
        <v>36</v>
      </c>
      <c r="G128" s="17" t="s">
        <v>1</v>
      </c>
      <c r="H128" s="18"/>
    </row>
    <row r="129" spans="1:8" ht="40.049999999999997" customHeight="1" x14ac:dyDescent="0.2">
      <c r="A129" s="15" t="s">
        <v>170</v>
      </c>
      <c r="B129" s="16">
        <v>21</v>
      </c>
      <c r="C129" s="17" t="s">
        <v>498</v>
      </c>
      <c r="D129" s="17" t="s">
        <v>195</v>
      </c>
      <c r="E129" s="18" t="s">
        <v>6</v>
      </c>
      <c r="F129" s="18" t="s">
        <v>138</v>
      </c>
      <c r="G129" s="17" t="s">
        <v>1</v>
      </c>
      <c r="H129" s="18"/>
    </row>
    <row r="130" spans="1:8" ht="40.049999999999997" customHeight="1" x14ac:dyDescent="0.2">
      <c r="A130" s="15" t="s">
        <v>170</v>
      </c>
      <c r="B130" s="16">
        <v>22</v>
      </c>
      <c r="C130" s="17" t="s">
        <v>499</v>
      </c>
      <c r="D130" s="17" t="s">
        <v>500</v>
      </c>
      <c r="E130" s="18" t="s">
        <v>6</v>
      </c>
      <c r="F130" s="18" t="s">
        <v>35</v>
      </c>
      <c r="G130" s="17" t="s">
        <v>1</v>
      </c>
      <c r="H130" s="18"/>
    </row>
    <row r="131" spans="1:8" ht="40.049999999999997" customHeight="1" x14ac:dyDescent="0.2">
      <c r="A131" s="15" t="s">
        <v>170</v>
      </c>
      <c r="B131" s="16">
        <v>23</v>
      </c>
      <c r="C131" s="17" t="s">
        <v>501</v>
      </c>
      <c r="D131" s="17" t="s">
        <v>502</v>
      </c>
      <c r="E131" s="18" t="s">
        <v>6</v>
      </c>
      <c r="F131" s="18" t="s">
        <v>32</v>
      </c>
      <c r="G131" s="17" t="s">
        <v>1</v>
      </c>
      <c r="H131" s="18"/>
    </row>
    <row r="132" spans="1:8" ht="40.049999999999997" customHeight="1" x14ac:dyDescent="0.2">
      <c r="A132" s="15" t="s">
        <v>170</v>
      </c>
      <c r="B132" s="16">
        <v>24</v>
      </c>
      <c r="C132" s="17" t="s">
        <v>503</v>
      </c>
      <c r="D132" s="17" t="s">
        <v>504</v>
      </c>
      <c r="E132" s="18" t="s">
        <v>6</v>
      </c>
      <c r="F132" s="18" t="s">
        <v>219</v>
      </c>
      <c r="G132" s="17" t="s">
        <v>1</v>
      </c>
      <c r="H132" s="18"/>
    </row>
    <row r="133" spans="1:8" ht="40.049999999999997" customHeight="1" x14ac:dyDescent="0.2">
      <c r="A133" s="15" t="s">
        <v>170</v>
      </c>
      <c r="B133" s="16">
        <v>25</v>
      </c>
      <c r="C133" s="17" t="s">
        <v>505</v>
      </c>
      <c r="D133" s="17" t="s">
        <v>506</v>
      </c>
      <c r="E133" s="18" t="s">
        <v>6</v>
      </c>
      <c r="F133" s="18" t="s">
        <v>220</v>
      </c>
      <c r="G133" s="17" t="s">
        <v>1</v>
      </c>
      <c r="H133" s="18"/>
    </row>
    <row r="134" spans="1:8" ht="40.049999999999997" customHeight="1" x14ac:dyDescent="0.2">
      <c r="A134" s="15" t="s">
        <v>170</v>
      </c>
      <c r="B134" s="16">
        <v>26</v>
      </c>
      <c r="C134" s="17" t="s">
        <v>507</v>
      </c>
      <c r="D134" s="17" t="s">
        <v>508</v>
      </c>
      <c r="E134" s="18" t="s">
        <v>6</v>
      </c>
      <c r="F134" s="18" t="s">
        <v>34</v>
      </c>
      <c r="G134" s="17" t="s">
        <v>1</v>
      </c>
      <c r="H134" s="18"/>
    </row>
    <row r="135" spans="1:8" ht="40.049999999999997" customHeight="1" x14ac:dyDescent="0.2">
      <c r="A135" s="15" t="s">
        <v>170</v>
      </c>
      <c r="B135" s="16">
        <v>27</v>
      </c>
      <c r="C135" s="17" t="s">
        <v>509</v>
      </c>
      <c r="D135" s="17" t="s">
        <v>510</v>
      </c>
      <c r="E135" s="18" t="s">
        <v>6</v>
      </c>
      <c r="F135" s="18" t="s">
        <v>32</v>
      </c>
      <c r="G135" s="17" t="s">
        <v>1</v>
      </c>
      <c r="H135" s="18"/>
    </row>
    <row r="136" spans="1:8" ht="40.049999999999997" customHeight="1" x14ac:dyDescent="0.2">
      <c r="A136" s="15" t="s">
        <v>170</v>
      </c>
      <c r="B136" s="16">
        <v>29</v>
      </c>
      <c r="C136" s="17" t="s">
        <v>511</v>
      </c>
      <c r="D136" s="17" t="s">
        <v>512</v>
      </c>
      <c r="E136" s="18" t="s">
        <v>6</v>
      </c>
      <c r="F136" s="18" t="s">
        <v>219</v>
      </c>
      <c r="G136" s="17" t="s">
        <v>1</v>
      </c>
      <c r="H136" s="18"/>
    </row>
    <row r="137" spans="1:8" ht="40.049999999999997" customHeight="1" x14ac:dyDescent="0.2">
      <c r="A137" s="15" t="s">
        <v>170</v>
      </c>
      <c r="B137" s="16">
        <v>31</v>
      </c>
      <c r="C137" s="17" t="s">
        <v>513</v>
      </c>
      <c r="D137" s="17" t="s">
        <v>514</v>
      </c>
      <c r="E137" s="18" t="s">
        <v>6</v>
      </c>
      <c r="F137" s="18" t="s">
        <v>219</v>
      </c>
      <c r="G137" s="17" t="s">
        <v>1</v>
      </c>
      <c r="H137" s="18"/>
    </row>
    <row r="138" spans="1:8" ht="40.049999999999997" customHeight="1" x14ac:dyDescent="0.2">
      <c r="A138" s="15" t="s">
        <v>170</v>
      </c>
      <c r="B138" s="16">
        <v>32</v>
      </c>
      <c r="C138" s="17" t="s">
        <v>515</v>
      </c>
      <c r="D138" s="17" t="s">
        <v>516</v>
      </c>
      <c r="E138" s="18" t="s">
        <v>6</v>
      </c>
      <c r="F138" s="18" t="s">
        <v>1146</v>
      </c>
      <c r="G138" s="17" t="s">
        <v>1</v>
      </c>
      <c r="H138" s="18"/>
    </row>
    <row r="139" spans="1:8" ht="40.049999999999997" customHeight="1" x14ac:dyDescent="0.2">
      <c r="A139" s="15" t="s">
        <v>170</v>
      </c>
      <c r="B139" s="16">
        <v>33</v>
      </c>
      <c r="C139" s="17" t="s">
        <v>517</v>
      </c>
      <c r="D139" s="17" t="s">
        <v>518</v>
      </c>
      <c r="E139" s="18" t="s">
        <v>6</v>
      </c>
      <c r="F139" s="18" t="s">
        <v>1146</v>
      </c>
      <c r="G139" s="17" t="s">
        <v>1</v>
      </c>
      <c r="H139" s="18"/>
    </row>
    <row r="140" spans="1:8" ht="40.049999999999997" customHeight="1" x14ac:dyDescent="0.2">
      <c r="A140" s="15" t="s">
        <v>170</v>
      </c>
      <c r="B140" s="16">
        <v>35</v>
      </c>
      <c r="C140" s="17" t="s">
        <v>519</v>
      </c>
      <c r="D140" s="17" t="s">
        <v>520</v>
      </c>
      <c r="E140" s="18" t="s">
        <v>105</v>
      </c>
      <c r="F140" s="18" t="s">
        <v>229</v>
      </c>
      <c r="G140" s="17" t="s">
        <v>1</v>
      </c>
      <c r="H140" s="18"/>
    </row>
    <row r="141" spans="1:8" ht="40.049999999999997" customHeight="1" x14ac:dyDescent="0.2">
      <c r="A141" s="15" t="s">
        <v>171</v>
      </c>
      <c r="B141" s="16">
        <v>6</v>
      </c>
      <c r="C141" s="17" t="s">
        <v>521</v>
      </c>
      <c r="D141" s="17" t="s">
        <v>522</v>
      </c>
      <c r="E141" s="18" t="s">
        <v>6</v>
      </c>
      <c r="F141" s="18" t="s">
        <v>1147</v>
      </c>
      <c r="G141" s="17" t="s">
        <v>1</v>
      </c>
      <c r="H141" s="18"/>
    </row>
    <row r="142" spans="1:8" ht="40.049999999999997" customHeight="1" x14ac:dyDescent="0.2">
      <c r="A142" s="15" t="s">
        <v>171</v>
      </c>
      <c r="B142" s="16">
        <v>12</v>
      </c>
      <c r="C142" s="17" t="s">
        <v>523</v>
      </c>
      <c r="D142" s="17" t="s">
        <v>524</v>
      </c>
      <c r="E142" s="18" t="s">
        <v>6</v>
      </c>
      <c r="F142" s="18" t="s">
        <v>1148</v>
      </c>
      <c r="G142" s="17" t="s">
        <v>1149</v>
      </c>
      <c r="H142" s="18"/>
    </row>
    <row r="143" spans="1:8" ht="40.049999999999997" customHeight="1" x14ac:dyDescent="0.2">
      <c r="A143" s="15" t="s">
        <v>171</v>
      </c>
      <c r="B143" s="16">
        <v>29</v>
      </c>
      <c r="C143" s="17" t="s">
        <v>525</v>
      </c>
      <c r="D143" s="17" t="s">
        <v>526</v>
      </c>
      <c r="E143" s="18" t="s">
        <v>92</v>
      </c>
      <c r="F143" s="18" t="s">
        <v>217</v>
      </c>
      <c r="G143" s="17" t="s">
        <v>1</v>
      </c>
      <c r="H143" s="18"/>
    </row>
    <row r="144" spans="1:8" ht="40.049999999999997" customHeight="1" x14ac:dyDescent="0.2">
      <c r="A144" s="15" t="s">
        <v>171</v>
      </c>
      <c r="B144" s="16">
        <v>33</v>
      </c>
      <c r="C144" s="17" t="s">
        <v>527</v>
      </c>
      <c r="D144" s="17" t="s">
        <v>528</v>
      </c>
      <c r="E144" s="18" t="s">
        <v>6</v>
      </c>
      <c r="F144" s="18" t="s">
        <v>37</v>
      </c>
      <c r="G144" s="17" t="s">
        <v>1</v>
      </c>
      <c r="H144" s="18"/>
    </row>
    <row r="145" spans="1:8" ht="40.049999999999997" customHeight="1" x14ac:dyDescent="0.2">
      <c r="A145" s="15" t="s">
        <v>171</v>
      </c>
      <c r="B145" s="16">
        <v>34</v>
      </c>
      <c r="C145" s="17" t="s">
        <v>529</v>
      </c>
      <c r="D145" s="17" t="s">
        <v>530</v>
      </c>
      <c r="E145" s="18" t="s">
        <v>6</v>
      </c>
      <c r="F145" s="18" t="s">
        <v>43</v>
      </c>
      <c r="G145" s="17" t="s">
        <v>1</v>
      </c>
      <c r="H145" s="18"/>
    </row>
    <row r="146" spans="1:8" ht="40.049999999999997" customHeight="1" x14ac:dyDescent="0.2">
      <c r="A146" s="15" t="s">
        <v>171</v>
      </c>
      <c r="B146" s="16">
        <v>37</v>
      </c>
      <c r="C146" s="17" t="s">
        <v>531</v>
      </c>
      <c r="D146" s="17" t="s">
        <v>532</v>
      </c>
      <c r="E146" s="18" t="s">
        <v>6</v>
      </c>
      <c r="F146" s="18" t="s">
        <v>37</v>
      </c>
      <c r="G146" s="17" t="s">
        <v>1</v>
      </c>
      <c r="H146" s="18"/>
    </row>
    <row r="147" spans="1:8" ht="40.049999999999997" customHeight="1" x14ac:dyDescent="0.2">
      <c r="A147" s="15" t="s">
        <v>171</v>
      </c>
      <c r="B147" s="16">
        <v>38</v>
      </c>
      <c r="C147" s="17" t="s">
        <v>533</v>
      </c>
      <c r="D147" s="17" t="s">
        <v>534</v>
      </c>
      <c r="E147" s="18" t="s">
        <v>6</v>
      </c>
      <c r="F147" s="18" t="s">
        <v>37</v>
      </c>
      <c r="G147" s="17" t="s">
        <v>1</v>
      </c>
      <c r="H147" s="18"/>
    </row>
    <row r="148" spans="1:8" ht="40.049999999999997" customHeight="1" x14ac:dyDescent="0.2">
      <c r="A148" s="15" t="s">
        <v>171</v>
      </c>
      <c r="B148" s="16">
        <v>114</v>
      </c>
      <c r="C148" s="17" t="s">
        <v>535</v>
      </c>
      <c r="D148" s="17" t="s">
        <v>536</v>
      </c>
      <c r="E148" s="18" t="s">
        <v>6</v>
      </c>
      <c r="F148" s="18" t="s">
        <v>47</v>
      </c>
      <c r="G148" s="17" t="s">
        <v>1</v>
      </c>
      <c r="H148" s="18"/>
    </row>
    <row r="149" spans="1:8" ht="40.049999999999997" customHeight="1" x14ac:dyDescent="0.2">
      <c r="A149" s="15" t="s">
        <v>171</v>
      </c>
      <c r="B149" s="16">
        <v>126</v>
      </c>
      <c r="C149" s="17" t="s">
        <v>537</v>
      </c>
      <c r="D149" s="17" t="s">
        <v>538</v>
      </c>
      <c r="E149" s="18" t="s">
        <v>6</v>
      </c>
      <c r="F149" s="18" t="s">
        <v>10</v>
      </c>
      <c r="G149" s="17" t="s">
        <v>1</v>
      </c>
      <c r="H149" s="18"/>
    </row>
    <row r="150" spans="1:8" ht="40.049999999999997" customHeight="1" x14ac:dyDescent="0.2">
      <c r="A150" s="15" t="s">
        <v>171</v>
      </c>
      <c r="B150" s="16">
        <v>127</v>
      </c>
      <c r="C150" s="17" t="s">
        <v>539</v>
      </c>
      <c r="D150" s="17" t="s">
        <v>540</v>
      </c>
      <c r="E150" s="18" t="s">
        <v>6</v>
      </c>
      <c r="F150" s="18" t="s">
        <v>46</v>
      </c>
      <c r="G150" s="17" t="s">
        <v>1</v>
      </c>
      <c r="H150" s="18"/>
    </row>
    <row r="151" spans="1:8" ht="40.049999999999997" customHeight="1" x14ac:dyDescent="0.2">
      <c r="A151" s="15" t="s">
        <v>171</v>
      </c>
      <c r="B151" s="16">
        <v>1</v>
      </c>
      <c r="C151" s="17" t="s">
        <v>541</v>
      </c>
      <c r="D151" s="17" t="s">
        <v>542</v>
      </c>
      <c r="E151" s="18" t="s">
        <v>6</v>
      </c>
      <c r="F151" s="18" t="s">
        <v>207</v>
      </c>
      <c r="G151" s="17" t="s">
        <v>1</v>
      </c>
      <c r="H151" s="18"/>
    </row>
    <row r="152" spans="1:8" ht="40.049999999999997" customHeight="1" x14ac:dyDescent="0.2">
      <c r="A152" s="15" t="s">
        <v>171</v>
      </c>
      <c r="B152" s="16">
        <v>2</v>
      </c>
      <c r="C152" s="17" t="s">
        <v>543</v>
      </c>
      <c r="D152" s="17" t="s">
        <v>544</v>
      </c>
      <c r="E152" s="18" t="s">
        <v>6</v>
      </c>
      <c r="F152" s="18" t="s">
        <v>44</v>
      </c>
      <c r="G152" s="17" t="s">
        <v>1</v>
      </c>
      <c r="H152" s="18"/>
    </row>
    <row r="153" spans="1:8" ht="40.049999999999997" customHeight="1" x14ac:dyDescent="0.2">
      <c r="A153" s="15" t="s">
        <v>171</v>
      </c>
      <c r="B153" s="16">
        <v>3</v>
      </c>
      <c r="C153" s="17" t="s">
        <v>545</v>
      </c>
      <c r="D153" s="17" t="s">
        <v>546</v>
      </c>
      <c r="E153" s="18" t="s">
        <v>6</v>
      </c>
      <c r="F153" s="18" t="s">
        <v>40</v>
      </c>
      <c r="G153" s="17" t="s">
        <v>1</v>
      </c>
      <c r="H153" s="18"/>
    </row>
    <row r="154" spans="1:8" ht="40.049999999999997" customHeight="1" x14ac:dyDescent="0.2">
      <c r="A154" s="15" t="s">
        <v>171</v>
      </c>
      <c r="B154" s="16">
        <v>4</v>
      </c>
      <c r="C154" s="17" t="s">
        <v>547</v>
      </c>
      <c r="D154" s="17" t="s">
        <v>548</v>
      </c>
      <c r="E154" s="18" t="s">
        <v>6</v>
      </c>
      <c r="F154" s="18" t="s">
        <v>41</v>
      </c>
      <c r="G154" s="17" t="s">
        <v>1</v>
      </c>
      <c r="H154" s="18"/>
    </row>
    <row r="155" spans="1:8" ht="40.049999999999997" customHeight="1" x14ac:dyDescent="0.2">
      <c r="A155" s="15" t="s">
        <v>171</v>
      </c>
      <c r="B155" s="16">
        <v>5</v>
      </c>
      <c r="C155" s="17" t="s">
        <v>549</v>
      </c>
      <c r="D155" s="17" t="s">
        <v>550</v>
      </c>
      <c r="E155" s="18" t="s">
        <v>6</v>
      </c>
      <c r="F155" s="18" t="s">
        <v>43</v>
      </c>
      <c r="G155" s="17" t="s">
        <v>1</v>
      </c>
      <c r="H155" s="18"/>
    </row>
    <row r="156" spans="1:8" ht="40.049999999999997" customHeight="1" x14ac:dyDescent="0.2">
      <c r="A156" s="15" t="s">
        <v>171</v>
      </c>
      <c r="B156" s="16">
        <v>8</v>
      </c>
      <c r="C156" s="17" t="s">
        <v>551</v>
      </c>
      <c r="D156" s="17" t="s">
        <v>552</v>
      </c>
      <c r="E156" s="18" t="s">
        <v>2</v>
      </c>
      <c r="F156" s="18" t="s">
        <v>44</v>
      </c>
      <c r="G156" s="17" t="s">
        <v>1</v>
      </c>
      <c r="H156" s="18"/>
    </row>
    <row r="157" spans="1:8" ht="40.049999999999997" customHeight="1" x14ac:dyDescent="0.2">
      <c r="A157" s="15" t="s">
        <v>171</v>
      </c>
      <c r="B157" s="16">
        <v>10</v>
      </c>
      <c r="C157" s="17" t="s">
        <v>553</v>
      </c>
      <c r="D157" s="17" t="s">
        <v>554</v>
      </c>
      <c r="E157" s="18" t="s">
        <v>6</v>
      </c>
      <c r="F157" s="18" t="s">
        <v>141</v>
      </c>
      <c r="G157" s="17" t="s">
        <v>1</v>
      </c>
      <c r="H157" s="18"/>
    </row>
    <row r="158" spans="1:8" ht="40.049999999999997" customHeight="1" x14ac:dyDescent="0.2">
      <c r="A158" s="15" t="s">
        <v>171</v>
      </c>
      <c r="B158" s="16">
        <v>14</v>
      </c>
      <c r="C158" s="17" t="s">
        <v>555</v>
      </c>
      <c r="D158" s="17" t="s">
        <v>556</v>
      </c>
      <c r="E158" s="18" t="s">
        <v>6</v>
      </c>
      <c r="F158" s="18" t="s">
        <v>223</v>
      </c>
      <c r="G158" s="17" t="s">
        <v>1</v>
      </c>
      <c r="H158" s="18"/>
    </row>
    <row r="159" spans="1:8" ht="40.049999999999997" customHeight="1" x14ac:dyDescent="0.2">
      <c r="A159" s="15" t="s">
        <v>171</v>
      </c>
      <c r="B159" s="16">
        <v>16</v>
      </c>
      <c r="C159" s="17" t="s">
        <v>557</v>
      </c>
      <c r="D159" s="17" t="s">
        <v>558</v>
      </c>
      <c r="E159" s="18" t="s">
        <v>6</v>
      </c>
      <c r="F159" s="18" t="s">
        <v>37</v>
      </c>
      <c r="G159" s="17" t="s">
        <v>1</v>
      </c>
      <c r="H159" s="18"/>
    </row>
    <row r="160" spans="1:8" ht="40.049999999999997" customHeight="1" x14ac:dyDescent="0.2">
      <c r="A160" s="15" t="s">
        <v>171</v>
      </c>
      <c r="B160" s="16">
        <v>17</v>
      </c>
      <c r="C160" s="17" t="s">
        <v>559</v>
      </c>
      <c r="D160" s="17" t="s">
        <v>560</v>
      </c>
      <c r="E160" s="18" t="s">
        <v>6</v>
      </c>
      <c r="F160" s="18" t="s">
        <v>43</v>
      </c>
      <c r="G160" s="17" t="s">
        <v>1</v>
      </c>
      <c r="H160" s="18"/>
    </row>
    <row r="161" spans="1:8" ht="40.049999999999997" customHeight="1" x14ac:dyDescent="0.2">
      <c r="A161" s="15" t="s">
        <v>171</v>
      </c>
      <c r="B161" s="16">
        <v>19</v>
      </c>
      <c r="C161" s="17" t="s">
        <v>561</v>
      </c>
      <c r="D161" s="17" t="s">
        <v>562</v>
      </c>
      <c r="E161" s="18" t="s">
        <v>6</v>
      </c>
      <c r="F161" s="18" t="s">
        <v>141</v>
      </c>
      <c r="G161" s="17" t="s">
        <v>1</v>
      </c>
      <c r="H161" s="18"/>
    </row>
    <row r="162" spans="1:8" ht="40.049999999999997" customHeight="1" x14ac:dyDescent="0.2">
      <c r="A162" s="15" t="s">
        <v>171</v>
      </c>
      <c r="B162" s="16">
        <v>20</v>
      </c>
      <c r="C162" s="17" t="s">
        <v>563</v>
      </c>
      <c r="D162" s="17" t="s">
        <v>564</v>
      </c>
      <c r="E162" s="18" t="s">
        <v>6</v>
      </c>
      <c r="F162" s="18" t="s">
        <v>45</v>
      </c>
      <c r="G162" s="17" t="s">
        <v>1</v>
      </c>
      <c r="H162" s="18"/>
    </row>
    <row r="163" spans="1:8" ht="40.049999999999997" customHeight="1" x14ac:dyDescent="0.2">
      <c r="A163" s="15" t="s">
        <v>171</v>
      </c>
      <c r="B163" s="16">
        <v>21</v>
      </c>
      <c r="C163" s="17" t="s">
        <v>565</v>
      </c>
      <c r="D163" s="17" t="s">
        <v>566</v>
      </c>
      <c r="E163" s="18" t="s">
        <v>6</v>
      </c>
      <c r="F163" s="18" t="s">
        <v>207</v>
      </c>
      <c r="G163" s="17" t="s">
        <v>1</v>
      </c>
      <c r="H163" s="18"/>
    </row>
    <row r="164" spans="1:8" ht="40.049999999999997" customHeight="1" x14ac:dyDescent="0.2">
      <c r="A164" s="15" t="s">
        <v>171</v>
      </c>
      <c r="B164" s="16">
        <v>22</v>
      </c>
      <c r="C164" s="17" t="s">
        <v>567</v>
      </c>
      <c r="D164" s="17" t="s">
        <v>568</v>
      </c>
      <c r="E164" s="18" t="s">
        <v>6</v>
      </c>
      <c r="F164" s="18" t="s">
        <v>1147</v>
      </c>
      <c r="G164" s="17" t="s">
        <v>1</v>
      </c>
      <c r="H164" s="18"/>
    </row>
    <row r="165" spans="1:8" ht="40.049999999999997" customHeight="1" x14ac:dyDescent="0.2">
      <c r="A165" s="15" t="s">
        <v>171</v>
      </c>
      <c r="B165" s="16">
        <v>25</v>
      </c>
      <c r="C165" s="17" t="s">
        <v>569</v>
      </c>
      <c r="D165" s="17" t="s">
        <v>570</v>
      </c>
      <c r="E165" s="18" t="s">
        <v>6</v>
      </c>
      <c r="F165" s="18" t="s">
        <v>37</v>
      </c>
      <c r="G165" s="17" t="s">
        <v>1</v>
      </c>
      <c r="H165" s="18"/>
    </row>
    <row r="166" spans="1:8" ht="40.049999999999997" customHeight="1" x14ac:dyDescent="0.2">
      <c r="A166" s="15" t="s">
        <v>171</v>
      </c>
      <c r="B166" s="16">
        <v>26</v>
      </c>
      <c r="C166" s="17" t="s">
        <v>571</v>
      </c>
      <c r="D166" s="17" t="s">
        <v>572</v>
      </c>
      <c r="E166" s="18" t="s">
        <v>6</v>
      </c>
      <c r="F166" s="18" t="s">
        <v>1150</v>
      </c>
      <c r="G166" s="17" t="s">
        <v>1</v>
      </c>
      <c r="H166" s="18"/>
    </row>
    <row r="167" spans="1:8" ht="40.049999999999997" customHeight="1" x14ac:dyDescent="0.2">
      <c r="A167" s="15" t="s">
        <v>171</v>
      </c>
      <c r="B167" s="16">
        <v>27</v>
      </c>
      <c r="C167" s="17" t="s">
        <v>573</v>
      </c>
      <c r="D167" s="17" t="s">
        <v>574</v>
      </c>
      <c r="E167" s="18" t="s">
        <v>6</v>
      </c>
      <c r="F167" s="18" t="s">
        <v>207</v>
      </c>
      <c r="G167" s="17" t="s">
        <v>1</v>
      </c>
      <c r="H167" s="18"/>
    </row>
    <row r="168" spans="1:8" ht="40.049999999999997" customHeight="1" x14ac:dyDescent="0.2">
      <c r="A168" s="15" t="s">
        <v>171</v>
      </c>
      <c r="B168" s="16">
        <v>101</v>
      </c>
      <c r="C168" s="17" t="s">
        <v>575</v>
      </c>
      <c r="D168" s="17" t="s">
        <v>576</v>
      </c>
      <c r="E168" s="18" t="s">
        <v>6</v>
      </c>
      <c r="F168" s="18" t="s">
        <v>47</v>
      </c>
      <c r="G168" s="17" t="s">
        <v>1</v>
      </c>
      <c r="H168" s="18"/>
    </row>
    <row r="169" spans="1:8" ht="40.049999999999997" customHeight="1" x14ac:dyDescent="0.2">
      <c r="A169" s="15" t="s">
        <v>171</v>
      </c>
      <c r="B169" s="16">
        <v>102</v>
      </c>
      <c r="C169" s="17" t="s">
        <v>577</v>
      </c>
      <c r="D169" s="17" t="s">
        <v>578</v>
      </c>
      <c r="E169" s="18" t="s">
        <v>6</v>
      </c>
      <c r="F169" s="18" t="s">
        <v>224</v>
      </c>
      <c r="G169" s="17" t="s">
        <v>1</v>
      </c>
      <c r="H169" s="18"/>
    </row>
    <row r="170" spans="1:8" ht="40.049999999999997" customHeight="1" x14ac:dyDescent="0.2">
      <c r="A170" s="15" t="s">
        <v>171</v>
      </c>
      <c r="B170" s="16">
        <v>103</v>
      </c>
      <c r="C170" s="17" t="s">
        <v>579</v>
      </c>
      <c r="D170" s="17" t="s">
        <v>580</v>
      </c>
      <c r="E170" s="18" t="s">
        <v>6</v>
      </c>
      <c r="F170" s="18" t="s">
        <v>7</v>
      </c>
      <c r="G170" s="17" t="s">
        <v>1</v>
      </c>
      <c r="H170" s="18"/>
    </row>
    <row r="171" spans="1:8" ht="40.049999999999997" customHeight="1" x14ac:dyDescent="0.2">
      <c r="A171" s="15" t="s">
        <v>171</v>
      </c>
      <c r="B171" s="16">
        <v>105</v>
      </c>
      <c r="C171" s="17" t="s">
        <v>581</v>
      </c>
      <c r="D171" s="17" t="s">
        <v>582</v>
      </c>
      <c r="E171" s="18" t="s">
        <v>6</v>
      </c>
      <c r="F171" s="18" t="s">
        <v>46</v>
      </c>
      <c r="G171" s="17" t="s">
        <v>1</v>
      </c>
      <c r="H171" s="18"/>
    </row>
    <row r="172" spans="1:8" ht="40.049999999999997" customHeight="1" x14ac:dyDescent="0.2">
      <c r="A172" s="15" t="s">
        <v>171</v>
      </c>
      <c r="B172" s="16">
        <v>106</v>
      </c>
      <c r="C172" s="17" t="s">
        <v>583</v>
      </c>
      <c r="D172" s="17" t="s">
        <v>584</v>
      </c>
      <c r="E172" s="18" t="s">
        <v>6</v>
      </c>
      <c r="F172" s="18" t="s">
        <v>222</v>
      </c>
      <c r="G172" s="17" t="s">
        <v>1</v>
      </c>
      <c r="H172" s="18"/>
    </row>
    <row r="173" spans="1:8" ht="40.049999999999997" customHeight="1" x14ac:dyDescent="0.2">
      <c r="A173" s="15" t="s">
        <v>171</v>
      </c>
      <c r="B173" s="16">
        <v>107</v>
      </c>
      <c r="C173" s="17" t="s">
        <v>585</v>
      </c>
      <c r="D173" s="17" t="s">
        <v>586</v>
      </c>
      <c r="E173" s="18" t="s">
        <v>6</v>
      </c>
      <c r="F173" s="18" t="s">
        <v>111</v>
      </c>
      <c r="G173" s="17" t="s">
        <v>1</v>
      </c>
      <c r="H173" s="18"/>
    </row>
    <row r="174" spans="1:8" ht="40.049999999999997" customHeight="1" x14ac:dyDescent="0.2">
      <c r="A174" s="15" t="s">
        <v>171</v>
      </c>
      <c r="B174" s="16">
        <v>108</v>
      </c>
      <c r="C174" s="17" t="s">
        <v>587</v>
      </c>
      <c r="D174" s="17" t="s">
        <v>588</v>
      </c>
      <c r="E174" s="18" t="s">
        <v>6</v>
      </c>
      <c r="F174" s="18" t="s">
        <v>10</v>
      </c>
      <c r="G174" s="17" t="s">
        <v>1</v>
      </c>
      <c r="H174" s="18"/>
    </row>
    <row r="175" spans="1:8" ht="40.049999999999997" customHeight="1" x14ac:dyDescent="0.2">
      <c r="A175" s="15" t="s">
        <v>171</v>
      </c>
      <c r="B175" s="16">
        <v>110</v>
      </c>
      <c r="C175" s="17" t="s">
        <v>589</v>
      </c>
      <c r="D175" s="17" t="s">
        <v>590</v>
      </c>
      <c r="E175" s="18" t="s">
        <v>6</v>
      </c>
      <c r="F175" s="18" t="s">
        <v>221</v>
      </c>
      <c r="G175" s="17" t="s">
        <v>1</v>
      </c>
      <c r="H175" s="18"/>
    </row>
    <row r="176" spans="1:8" ht="40.049999999999997" customHeight="1" x14ac:dyDescent="0.2">
      <c r="A176" s="15" t="s">
        <v>171</v>
      </c>
      <c r="B176" s="16">
        <v>112</v>
      </c>
      <c r="C176" s="17" t="s">
        <v>591</v>
      </c>
      <c r="D176" s="17" t="s">
        <v>592</v>
      </c>
      <c r="E176" s="18" t="s">
        <v>6</v>
      </c>
      <c r="F176" s="18" t="s">
        <v>141</v>
      </c>
      <c r="G176" s="17" t="s">
        <v>1</v>
      </c>
      <c r="H176" s="18"/>
    </row>
    <row r="177" spans="1:8" ht="40.049999999999997" customHeight="1" x14ac:dyDescent="0.2">
      <c r="A177" s="15" t="s">
        <v>172</v>
      </c>
      <c r="B177" s="16">
        <v>27</v>
      </c>
      <c r="C177" s="17" t="s">
        <v>593</v>
      </c>
      <c r="D177" s="17" t="s">
        <v>594</v>
      </c>
      <c r="E177" s="18" t="s">
        <v>6</v>
      </c>
      <c r="F177" s="18" t="s">
        <v>51</v>
      </c>
      <c r="G177" s="17" t="s">
        <v>1</v>
      </c>
      <c r="H177" s="18"/>
    </row>
    <row r="178" spans="1:8" ht="40.049999999999997" customHeight="1" x14ac:dyDescent="0.2">
      <c r="A178" s="15" t="s">
        <v>172</v>
      </c>
      <c r="B178" s="16">
        <v>28</v>
      </c>
      <c r="C178" s="17" t="s">
        <v>595</v>
      </c>
      <c r="D178" s="17" t="s">
        <v>596</v>
      </c>
      <c r="E178" s="18" t="s">
        <v>6</v>
      </c>
      <c r="F178" s="18" t="s">
        <v>1151</v>
      </c>
      <c r="G178" s="17" t="s">
        <v>1</v>
      </c>
      <c r="H178" s="18"/>
    </row>
    <row r="179" spans="1:8" ht="40.049999999999997" customHeight="1" x14ac:dyDescent="0.2">
      <c r="A179" s="15" t="s">
        <v>172</v>
      </c>
      <c r="B179" s="16">
        <v>29</v>
      </c>
      <c r="C179" s="17" t="s">
        <v>597</v>
      </c>
      <c r="D179" s="17" t="s">
        <v>598</v>
      </c>
      <c r="E179" s="18" t="s">
        <v>6</v>
      </c>
      <c r="F179" s="18" t="s">
        <v>52</v>
      </c>
      <c r="G179" s="17" t="s">
        <v>1</v>
      </c>
      <c r="H179" s="18"/>
    </row>
    <row r="180" spans="1:8" ht="40.049999999999997" customHeight="1" x14ac:dyDescent="0.2">
      <c r="A180" s="15" t="s">
        <v>172</v>
      </c>
      <c r="B180" s="16">
        <v>35</v>
      </c>
      <c r="C180" s="17" t="s">
        <v>599</v>
      </c>
      <c r="D180" s="17" t="s">
        <v>600</v>
      </c>
      <c r="E180" s="18" t="s">
        <v>6</v>
      </c>
      <c r="F180" s="18" t="s">
        <v>50</v>
      </c>
      <c r="G180" s="17" t="s">
        <v>1</v>
      </c>
      <c r="H180" s="18"/>
    </row>
    <row r="181" spans="1:8" ht="40.049999999999997" customHeight="1" x14ac:dyDescent="0.2">
      <c r="A181" s="15" t="s">
        <v>172</v>
      </c>
      <c r="B181" s="16">
        <v>1</v>
      </c>
      <c r="C181" s="17" t="s">
        <v>601</v>
      </c>
      <c r="D181" s="17" t="s">
        <v>602</v>
      </c>
      <c r="E181" s="18" t="s">
        <v>6</v>
      </c>
      <c r="F181" s="18" t="s">
        <v>112</v>
      </c>
      <c r="G181" s="17" t="s">
        <v>1</v>
      </c>
      <c r="H181" s="18"/>
    </row>
    <row r="182" spans="1:8" ht="40.049999999999997" customHeight="1" x14ac:dyDescent="0.2">
      <c r="A182" s="15" t="s">
        <v>172</v>
      </c>
      <c r="B182" s="16">
        <v>2</v>
      </c>
      <c r="C182" s="17" t="s">
        <v>603</v>
      </c>
      <c r="D182" s="17" t="s">
        <v>604</v>
      </c>
      <c r="E182" s="18" t="s">
        <v>6</v>
      </c>
      <c r="F182" s="18" t="s">
        <v>225</v>
      </c>
      <c r="G182" s="17" t="s">
        <v>1</v>
      </c>
      <c r="H182" s="18"/>
    </row>
    <row r="183" spans="1:8" ht="40.049999999999997" customHeight="1" x14ac:dyDescent="0.2">
      <c r="A183" s="15" t="s">
        <v>172</v>
      </c>
      <c r="B183" s="16">
        <v>3</v>
      </c>
      <c r="C183" s="17" t="s">
        <v>605</v>
      </c>
      <c r="D183" s="17" t="s">
        <v>606</v>
      </c>
      <c r="E183" s="18" t="s">
        <v>6</v>
      </c>
      <c r="F183" s="18" t="s">
        <v>51</v>
      </c>
      <c r="G183" s="17" t="s">
        <v>1</v>
      </c>
      <c r="H183" s="18"/>
    </row>
    <row r="184" spans="1:8" ht="40.049999999999997" customHeight="1" x14ac:dyDescent="0.2">
      <c r="A184" s="15" t="s">
        <v>172</v>
      </c>
      <c r="B184" s="16">
        <v>4</v>
      </c>
      <c r="C184" s="17" t="s">
        <v>607</v>
      </c>
      <c r="D184" s="17" t="s">
        <v>608</v>
      </c>
      <c r="E184" s="18" t="s">
        <v>6</v>
      </c>
      <c r="F184" s="18" t="s">
        <v>49</v>
      </c>
      <c r="G184" s="17" t="s">
        <v>1</v>
      </c>
      <c r="H184" s="18"/>
    </row>
    <row r="185" spans="1:8" ht="40.049999999999997" customHeight="1" x14ac:dyDescent="0.2">
      <c r="A185" s="15" t="s">
        <v>172</v>
      </c>
      <c r="B185" s="16">
        <v>5</v>
      </c>
      <c r="C185" s="17" t="s">
        <v>609</v>
      </c>
      <c r="D185" s="17" t="s">
        <v>610</v>
      </c>
      <c r="E185" s="18" t="s">
        <v>6</v>
      </c>
      <c r="F185" s="18" t="s">
        <v>48</v>
      </c>
      <c r="G185" s="17" t="s">
        <v>1</v>
      </c>
      <c r="H185" s="18"/>
    </row>
    <row r="186" spans="1:8" ht="40.049999999999997" customHeight="1" x14ac:dyDescent="0.2">
      <c r="A186" s="15" t="s">
        <v>172</v>
      </c>
      <c r="B186" s="16">
        <v>6</v>
      </c>
      <c r="C186" s="17" t="s">
        <v>611</v>
      </c>
      <c r="D186" s="17" t="s">
        <v>612</v>
      </c>
      <c r="E186" s="18" t="s">
        <v>6</v>
      </c>
      <c r="F186" s="18" t="s">
        <v>53</v>
      </c>
      <c r="G186" s="17" t="s">
        <v>1</v>
      </c>
      <c r="H186" s="18"/>
    </row>
    <row r="187" spans="1:8" ht="40.049999999999997" customHeight="1" x14ac:dyDescent="0.2">
      <c r="A187" s="15" t="s">
        <v>172</v>
      </c>
      <c r="B187" s="16">
        <v>7</v>
      </c>
      <c r="C187" s="17" t="s">
        <v>613</v>
      </c>
      <c r="D187" s="17" t="s">
        <v>614</v>
      </c>
      <c r="E187" s="18" t="s">
        <v>6</v>
      </c>
      <c r="F187" s="18" t="s">
        <v>1152</v>
      </c>
      <c r="G187" s="17" t="s">
        <v>1</v>
      </c>
      <c r="H187" s="18"/>
    </row>
    <row r="188" spans="1:8" ht="40.049999999999997" customHeight="1" x14ac:dyDescent="0.2">
      <c r="A188" s="15" t="s">
        <v>172</v>
      </c>
      <c r="B188" s="16">
        <v>8</v>
      </c>
      <c r="C188" s="17" t="s">
        <v>615</v>
      </c>
      <c r="D188" s="17" t="s">
        <v>616</v>
      </c>
      <c r="E188" s="18" t="s">
        <v>6</v>
      </c>
      <c r="F188" s="18" t="s">
        <v>55</v>
      </c>
      <c r="G188" s="17" t="s">
        <v>1</v>
      </c>
      <c r="H188" s="18"/>
    </row>
    <row r="189" spans="1:8" ht="40.049999999999997" customHeight="1" x14ac:dyDescent="0.2">
      <c r="A189" s="15" t="s">
        <v>172</v>
      </c>
      <c r="B189" s="16">
        <v>9</v>
      </c>
      <c r="C189" s="17" t="s">
        <v>617</v>
      </c>
      <c r="D189" s="17" t="s">
        <v>618</v>
      </c>
      <c r="E189" s="18" t="s">
        <v>6</v>
      </c>
      <c r="F189" s="18" t="s">
        <v>112</v>
      </c>
      <c r="G189" s="17" t="s">
        <v>1</v>
      </c>
      <c r="H189" s="18"/>
    </row>
    <row r="190" spans="1:8" ht="40.049999999999997" customHeight="1" x14ac:dyDescent="0.2">
      <c r="A190" s="15" t="s">
        <v>172</v>
      </c>
      <c r="B190" s="16">
        <v>10</v>
      </c>
      <c r="C190" s="17" t="s">
        <v>619</v>
      </c>
      <c r="D190" s="17" t="s">
        <v>620</v>
      </c>
      <c r="E190" s="18" t="s">
        <v>6</v>
      </c>
      <c r="F190" s="18" t="s">
        <v>49</v>
      </c>
      <c r="G190" s="17" t="s">
        <v>1</v>
      </c>
      <c r="H190" s="18"/>
    </row>
    <row r="191" spans="1:8" ht="40.049999999999997" customHeight="1" x14ac:dyDescent="0.2">
      <c r="A191" s="15" t="s">
        <v>172</v>
      </c>
      <c r="B191" s="16">
        <v>11</v>
      </c>
      <c r="C191" s="17" t="s">
        <v>621</v>
      </c>
      <c r="D191" s="17" t="s">
        <v>622</v>
      </c>
      <c r="E191" s="18" t="s">
        <v>6</v>
      </c>
      <c r="F191" s="18" t="s">
        <v>1153</v>
      </c>
      <c r="G191" s="17" t="s">
        <v>1</v>
      </c>
      <c r="H191" s="18"/>
    </row>
    <row r="192" spans="1:8" ht="40.049999999999997" customHeight="1" x14ac:dyDescent="0.2">
      <c r="A192" s="15" t="s">
        <v>172</v>
      </c>
      <c r="B192" s="16">
        <v>12</v>
      </c>
      <c r="C192" s="17" t="s">
        <v>623</v>
      </c>
      <c r="D192" s="17" t="s">
        <v>624</v>
      </c>
      <c r="E192" s="18" t="s">
        <v>6</v>
      </c>
      <c r="F192" s="18" t="s">
        <v>54</v>
      </c>
      <c r="G192" s="17" t="s">
        <v>1</v>
      </c>
      <c r="H192" s="18"/>
    </row>
    <row r="193" spans="1:8" ht="40.049999999999997" customHeight="1" x14ac:dyDescent="0.2">
      <c r="A193" s="15" t="s">
        <v>172</v>
      </c>
      <c r="B193" s="16">
        <v>13</v>
      </c>
      <c r="C193" s="17" t="s">
        <v>625</v>
      </c>
      <c r="D193" s="17" t="s">
        <v>626</v>
      </c>
      <c r="E193" s="18" t="s">
        <v>6</v>
      </c>
      <c r="F193" s="18" t="s">
        <v>49</v>
      </c>
      <c r="G193" s="17" t="s">
        <v>1</v>
      </c>
      <c r="H193" s="18"/>
    </row>
    <row r="194" spans="1:8" ht="40.049999999999997" customHeight="1" x14ac:dyDescent="0.2">
      <c r="A194" s="15" t="s">
        <v>172</v>
      </c>
      <c r="B194" s="16">
        <v>14</v>
      </c>
      <c r="C194" s="17" t="s">
        <v>627</v>
      </c>
      <c r="D194" s="17" t="s">
        <v>628</v>
      </c>
      <c r="E194" s="18" t="s">
        <v>6</v>
      </c>
      <c r="F194" s="18" t="s">
        <v>52</v>
      </c>
      <c r="G194" s="17" t="s">
        <v>1</v>
      </c>
      <c r="H194" s="18"/>
    </row>
    <row r="195" spans="1:8" ht="40.049999999999997" customHeight="1" x14ac:dyDescent="0.2">
      <c r="A195" s="15" t="s">
        <v>172</v>
      </c>
      <c r="B195" s="16">
        <v>15</v>
      </c>
      <c r="C195" s="17" t="s">
        <v>629</v>
      </c>
      <c r="D195" s="17" t="s">
        <v>630</v>
      </c>
      <c r="E195" s="18" t="s">
        <v>6</v>
      </c>
      <c r="F195" s="18" t="s">
        <v>249</v>
      </c>
      <c r="G195" s="17" t="s">
        <v>1</v>
      </c>
      <c r="H195" s="18"/>
    </row>
    <row r="196" spans="1:8" ht="40.049999999999997" customHeight="1" x14ac:dyDescent="0.2">
      <c r="A196" s="15" t="s">
        <v>172</v>
      </c>
      <c r="B196" s="16">
        <v>16</v>
      </c>
      <c r="C196" s="17" t="s">
        <v>631</v>
      </c>
      <c r="D196" s="17" t="s">
        <v>632</v>
      </c>
      <c r="E196" s="18" t="s">
        <v>6</v>
      </c>
      <c r="F196" s="18" t="s">
        <v>53</v>
      </c>
      <c r="G196" s="17" t="s">
        <v>1</v>
      </c>
      <c r="H196" s="18"/>
    </row>
    <row r="197" spans="1:8" ht="40.049999999999997" customHeight="1" x14ac:dyDescent="0.2">
      <c r="A197" s="15" t="s">
        <v>172</v>
      </c>
      <c r="B197" s="16">
        <v>17</v>
      </c>
      <c r="C197" s="17" t="s">
        <v>633</v>
      </c>
      <c r="D197" s="17" t="s">
        <v>634</v>
      </c>
      <c r="E197" s="18" t="s">
        <v>6</v>
      </c>
      <c r="F197" s="18" t="s">
        <v>113</v>
      </c>
      <c r="G197" s="17" t="s">
        <v>1</v>
      </c>
      <c r="H197" s="18"/>
    </row>
    <row r="198" spans="1:8" ht="40.049999999999997" customHeight="1" x14ac:dyDescent="0.2">
      <c r="A198" s="15" t="s">
        <v>172</v>
      </c>
      <c r="B198" s="16">
        <v>19</v>
      </c>
      <c r="C198" s="17" t="s">
        <v>635</v>
      </c>
      <c r="D198" s="17" t="s">
        <v>636</v>
      </c>
      <c r="E198" s="18" t="s">
        <v>6</v>
      </c>
      <c r="F198" s="18" t="s">
        <v>55</v>
      </c>
      <c r="G198" s="17" t="s">
        <v>1</v>
      </c>
      <c r="H198" s="18"/>
    </row>
    <row r="199" spans="1:8" ht="40.049999999999997" customHeight="1" x14ac:dyDescent="0.2">
      <c r="A199" s="15" t="s">
        <v>172</v>
      </c>
      <c r="B199" s="16">
        <v>20</v>
      </c>
      <c r="C199" s="17" t="s">
        <v>637</v>
      </c>
      <c r="D199" s="17" t="s">
        <v>638</v>
      </c>
      <c r="E199" s="18" t="s">
        <v>6</v>
      </c>
      <c r="F199" s="18" t="s">
        <v>249</v>
      </c>
      <c r="G199" s="17" t="s">
        <v>1</v>
      </c>
      <c r="H199" s="18"/>
    </row>
    <row r="200" spans="1:8" ht="40.049999999999997" customHeight="1" x14ac:dyDescent="0.2">
      <c r="A200" s="15" t="s">
        <v>172</v>
      </c>
      <c r="B200" s="16">
        <v>21</v>
      </c>
      <c r="C200" s="17" t="s">
        <v>639</v>
      </c>
      <c r="D200" s="17" t="s">
        <v>640</v>
      </c>
      <c r="E200" s="18" t="s">
        <v>6</v>
      </c>
      <c r="F200" s="18" t="s">
        <v>55</v>
      </c>
      <c r="G200" s="17" t="s">
        <v>1</v>
      </c>
      <c r="H200" s="18"/>
    </row>
    <row r="201" spans="1:8" ht="40.049999999999997" customHeight="1" x14ac:dyDescent="0.2">
      <c r="A201" s="15" t="s">
        <v>172</v>
      </c>
      <c r="B201" s="16">
        <v>22</v>
      </c>
      <c r="C201" s="17" t="s">
        <v>641</v>
      </c>
      <c r="D201" s="17" t="s">
        <v>642</v>
      </c>
      <c r="E201" s="18" t="s">
        <v>6</v>
      </c>
      <c r="F201" s="18" t="s">
        <v>112</v>
      </c>
      <c r="G201" s="17" t="s">
        <v>1</v>
      </c>
      <c r="H201" s="18"/>
    </row>
    <row r="202" spans="1:8" ht="40.049999999999997" customHeight="1" x14ac:dyDescent="0.2">
      <c r="A202" s="15" t="s">
        <v>172</v>
      </c>
      <c r="B202" s="16">
        <v>23</v>
      </c>
      <c r="C202" s="17" t="s">
        <v>643</v>
      </c>
      <c r="D202" s="17" t="s">
        <v>1243</v>
      </c>
      <c r="E202" s="18" t="s">
        <v>6</v>
      </c>
      <c r="F202" s="18" t="s">
        <v>49</v>
      </c>
      <c r="G202" s="17" t="s">
        <v>1</v>
      </c>
      <c r="H202" s="18"/>
    </row>
    <row r="203" spans="1:8" ht="40.049999999999997" customHeight="1" x14ac:dyDescent="0.2">
      <c r="A203" s="15" t="s">
        <v>172</v>
      </c>
      <c r="B203" s="16">
        <v>24</v>
      </c>
      <c r="C203" s="17" t="s">
        <v>644</v>
      </c>
      <c r="D203" s="17" t="s">
        <v>645</v>
      </c>
      <c r="E203" s="18" t="s">
        <v>6</v>
      </c>
      <c r="F203" s="18" t="s">
        <v>49</v>
      </c>
      <c r="G203" s="17" t="s">
        <v>1</v>
      </c>
      <c r="H203" s="18"/>
    </row>
    <row r="204" spans="1:8" ht="40.049999999999997" customHeight="1" x14ac:dyDescent="0.2">
      <c r="A204" s="15" t="s">
        <v>172</v>
      </c>
      <c r="B204" s="16">
        <v>25</v>
      </c>
      <c r="C204" s="17" t="s">
        <v>646</v>
      </c>
      <c r="D204" s="17" t="s">
        <v>642</v>
      </c>
      <c r="E204" s="18" t="s">
        <v>6</v>
      </c>
      <c r="F204" s="18" t="s">
        <v>54</v>
      </c>
      <c r="G204" s="17" t="s">
        <v>1</v>
      </c>
      <c r="H204" s="18"/>
    </row>
    <row r="205" spans="1:8" ht="40.049999999999997" customHeight="1" x14ac:dyDescent="0.2">
      <c r="A205" s="15" t="s">
        <v>173</v>
      </c>
      <c r="B205" s="16">
        <v>15</v>
      </c>
      <c r="C205" s="17" t="s">
        <v>647</v>
      </c>
      <c r="D205" s="17" t="s">
        <v>648</v>
      </c>
      <c r="E205" s="18" t="s">
        <v>6</v>
      </c>
      <c r="F205" s="18" t="s">
        <v>142</v>
      </c>
      <c r="G205" s="17" t="s">
        <v>1</v>
      </c>
      <c r="H205" s="18"/>
    </row>
    <row r="206" spans="1:8" ht="40.049999999999997" customHeight="1" x14ac:dyDescent="0.2">
      <c r="A206" s="15" t="s">
        <v>173</v>
      </c>
      <c r="B206" s="16">
        <v>20</v>
      </c>
      <c r="C206" s="17" t="s">
        <v>649</v>
      </c>
      <c r="D206" s="17" t="s">
        <v>650</v>
      </c>
      <c r="E206" s="18" t="s">
        <v>6</v>
      </c>
      <c r="F206" s="18" t="s">
        <v>226</v>
      </c>
      <c r="G206" s="17" t="s">
        <v>1</v>
      </c>
      <c r="H206" s="18"/>
    </row>
    <row r="207" spans="1:8" ht="40.049999999999997" customHeight="1" x14ac:dyDescent="0.2">
      <c r="A207" s="15" t="s">
        <v>173</v>
      </c>
      <c r="B207" s="16">
        <v>21</v>
      </c>
      <c r="C207" s="17" t="s">
        <v>651</v>
      </c>
      <c r="D207" s="17" t="s">
        <v>652</v>
      </c>
      <c r="E207" s="18" t="s">
        <v>6</v>
      </c>
      <c r="F207" s="18" t="s">
        <v>1154</v>
      </c>
      <c r="G207" s="17" t="s">
        <v>1</v>
      </c>
      <c r="H207" s="18"/>
    </row>
    <row r="208" spans="1:8" ht="40.049999999999997" customHeight="1" x14ac:dyDescent="0.2">
      <c r="A208" s="15" t="s">
        <v>173</v>
      </c>
      <c r="B208" s="16">
        <v>22</v>
      </c>
      <c r="C208" s="17" t="s">
        <v>653</v>
      </c>
      <c r="D208" s="17" t="s">
        <v>654</v>
      </c>
      <c r="E208" s="18" t="s">
        <v>6</v>
      </c>
      <c r="F208" s="18" t="s">
        <v>208</v>
      </c>
      <c r="G208" s="17" t="s">
        <v>1</v>
      </c>
      <c r="H208" s="18"/>
    </row>
    <row r="209" spans="1:8" ht="40.049999999999997" customHeight="1" x14ac:dyDescent="0.2">
      <c r="A209" s="15" t="s">
        <v>173</v>
      </c>
      <c r="B209" s="16">
        <v>101</v>
      </c>
      <c r="C209" s="17" t="s">
        <v>655</v>
      </c>
      <c r="D209" s="17" t="s">
        <v>656</v>
      </c>
      <c r="E209" s="18" t="s">
        <v>6</v>
      </c>
      <c r="F209" s="18" t="s">
        <v>1155</v>
      </c>
      <c r="G209" s="17" t="s">
        <v>1</v>
      </c>
      <c r="H209" s="18"/>
    </row>
    <row r="210" spans="1:8" ht="40.049999999999997" customHeight="1" x14ac:dyDescent="0.2">
      <c r="A210" s="15" t="s">
        <v>173</v>
      </c>
      <c r="B210" s="16">
        <v>102</v>
      </c>
      <c r="C210" s="17" t="s">
        <v>657</v>
      </c>
      <c r="D210" s="17" t="s">
        <v>658</v>
      </c>
      <c r="E210" s="18" t="s">
        <v>6</v>
      </c>
      <c r="F210" s="18" t="s">
        <v>1156</v>
      </c>
      <c r="G210" s="17" t="s">
        <v>1</v>
      </c>
      <c r="H210" s="18"/>
    </row>
    <row r="211" spans="1:8" ht="40.049999999999997" customHeight="1" x14ac:dyDescent="0.2">
      <c r="A211" s="15" t="s">
        <v>173</v>
      </c>
      <c r="B211" s="16">
        <v>103</v>
      </c>
      <c r="C211" s="17" t="s">
        <v>659</v>
      </c>
      <c r="D211" s="17" t="s">
        <v>660</v>
      </c>
      <c r="E211" s="18" t="s">
        <v>6</v>
      </c>
      <c r="F211" s="18" t="s">
        <v>1157</v>
      </c>
      <c r="G211" s="17" t="s">
        <v>1</v>
      </c>
      <c r="H211" s="18"/>
    </row>
    <row r="212" spans="1:8" ht="40.049999999999997" customHeight="1" x14ac:dyDescent="0.2">
      <c r="A212" s="15" t="s">
        <v>173</v>
      </c>
      <c r="B212" s="16">
        <v>104</v>
      </c>
      <c r="C212" s="17" t="s">
        <v>661</v>
      </c>
      <c r="D212" s="17" t="s">
        <v>662</v>
      </c>
      <c r="E212" s="18" t="s">
        <v>6</v>
      </c>
      <c r="F212" s="18" t="s">
        <v>1158</v>
      </c>
      <c r="G212" s="17" t="s">
        <v>1</v>
      </c>
      <c r="H212" s="18"/>
    </row>
    <row r="213" spans="1:8" ht="40.049999999999997" customHeight="1" x14ac:dyDescent="0.2">
      <c r="A213" s="15" t="s">
        <v>173</v>
      </c>
      <c r="B213" s="16">
        <v>1</v>
      </c>
      <c r="C213" s="17" t="s">
        <v>663</v>
      </c>
      <c r="D213" s="17" t="s">
        <v>664</v>
      </c>
      <c r="E213" s="18" t="s">
        <v>6</v>
      </c>
      <c r="F213" s="18" t="s">
        <v>1159</v>
      </c>
      <c r="G213" s="17" t="s">
        <v>1</v>
      </c>
      <c r="H213" s="18"/>
    </row>
    <row r="214" spans="1:8" ht="40.049999999999997" customHeight="1" x14ac:dyDescent="0.2">
      <c r="A214" s="15" t="s">
        <v>173</v>
      </c>
      <c r="B214" s="16">
        <v>2</v>
      </c>
      <c r="C214" s="17" t="s">
        <v>665</v>
      </c>
      <c r="D214" s="17" t="s">
        <v>666</v>
      </c>
      <c r="E214" s="18" t="s">
        <v>6</v>
      </c>
      <c r="F214" s="18" t="s">
        <v>1155</v>
      </c>
      <c r="G214" s="17" t="s">
        <v>1</v>
      </c>
      <c r="H214" s="18"/>
    </row>
    <row r="215" spans="1:8" ht="40.049999999999997" customHeight="1" x14ac:dyDescent="0.2">
      <c r="A215" s="15" t="s">
        <v>173</v>
      </c>
      <c r="B215" s="16">
        <v>3</v>
      </c>
      <c r="C215" s="17" t="s">
        <v>667</v>
      </c>
      <c r="D215" s="17" t="s">
        <v>668</v>
      </c>
      <c r="E215" s="18" t="s">
        <v>6</v>
      </c>
      <c r="F215" s="18" t="s">
        <v>227</v>
      </c>
      <c r="G215" s="17" t="s">
        <v>1</v>
      </c>
      <c r="H215" s="18"/>
    </row>
    <row r="216" spans="1:8" ht="40.049999999999997" customHeight="1" x14ac:dyDescent="0.2">
      <c r="A216" s="15" t="s">
        <v>173</v>
      </c>
      <c r="B216" s="16">
        <v>4</v>
      </c>
      <c r="C216" s="17" t="s">
        <v>669</v>
      </c>
      <c r="D216" s="17" t="s">
        <v>670</v>
      </c>
      <c r="E216" s="18" t="s">
        <v>6</v>
      </c>
      <c r="F216" s="18" t="s">
        <v>205</v>
      </c>
      <c r="G216" s="17" t="s">
        <v>1</v>
      </c>
      <c r="H216" s="18"/>
    </row>
    <row r="217" spans="1:8" ht="40.049999999999997" customHeight="1" x14ac:dyDescent="0.2">
      <c r="A217" s="15" t="s">
        <v>173</v>
      </c>
      <c r="B217" s="16">
        <v>5</v>
      </c>
      <c r="C217" s="17" t="s">
        <v>671</v>
      </c>
      <c r="D217" s="17" t="s">
        <v>672</v>
      </c>
      <c r="E217" s="18" t="s">
        <v>6</v>
      </c>
      <c r="F217" s="18" t="s">
        <v>1160</v>
      </c>
      <c r="G217" s="17" t="s">
        <v>1</v>
      </c>
      <c r="H217" s="18"/>
    </row>
    <row r="218" spans="1:8" ht="40.049999999999997" customHeight="1" x14ac:dyDescent="0.2">
      <c r="A218" s="15" t="s">
        <v>173</v>
      </c>
      <c r="B218" s="16">
        <v>6</v>
      </c>
      <c r="C218" s="17" t="s">
        <v>673</v>
      </c>
      <c r="D218" s="17" t="s">
        <v>674</v>
      </c>
      <c r="E218" s="18" t="s">
        <v>6</v>
      </c>
      <c r="F218" s="18" t="s">
        <v>1161</v>
      </c>
      <c r="G218" s="17" t="s">
        <v>1</v>
      </c>
      <c r="H218" s="18"/>
    </row>
    <row r="219" spans="1:8" ht="40.049999999999997" customHeight="1" x14ac:dyDescent="0.2">
      <c r="A219" s="15" t="s">
        <v>173</v>
      </c>
      <c r="B219" s="16">
        <v>7</v>
      </c>
      <c r="C219" s="17" t="s">
        <v>675</v>
      </c>
      <c r="D219" s="17" t="s">
        <v>676</v>
      </c>
      <c r="E219" s="18" t="s">
        <v>6</v>
      </c>
      <c r="F219" s="18" t="s">
        <v>1159</v>
      </c>
      <c r="G219" s="17" t="s">
        <v>1</v>
      </c>
      <c r="H219" s="18"/>
    </row>
    <row r="220" spans="1:8" ht="40.049999999999997" customHeight="1" x14ac:dyDescent="0.2">
      <c r="A220" s="15" t="s">
        <v>173</v>
      </c>
      <c r="B220" s="16">
        <v>8</v>
      </c>
      <c r="C220" s="17" t="s">
        <v>677</v>
      </c>
      <c r="D220" s="17" t="s">
        <v>678</v>
      </c>
      <c r="E220" s="18" t="s">
        <v>6</v>
      </c>
      <c r="F220" s="18" t="s">
        <v>1162</v>
      </c>
      <c r="G220" s="17" t="s">
        <v>1</v>
      </c>
      <c r="H220" s="18"/>
    </row>
    <row r="221" spans="1:8" ht="40.049999999999997" customHeight="1" x14ac:dyDescent="0.2">
      <c r="A221" s="15" t="s">
        <v>173</v>
      </c>
      <c r="B221" s="16">
        <v>9</v>
      </c>
      <c r="C221" s="17" t="s">
        <v>679</v>
      </c>
      <c r="D221" s="17" t="s">
        <v>680</v>
      </c>
      <c r="E221" s="18" t="s">
        <v>6</v>
      </c>
      <c r="F221" s="18" t="s">
        <v>1163</v>
      </c>
      <c r="G221" s="17" t="s">
        <v>1</v>
      </c>
      <c r="H221" s="18"/>
    </row>
    <row r="222" spans="1:8" ht="40.049999999999997" customHeight="1" x14ac:dyDescent="0.2">
      <c r="A222" s="15" t="s">
        <v>173</v>
      </c>
      <c r="B222" s="16">
        <v>11</v>
      </c>
      <c r="C222" s="17" t="s">
        <v>681</v>
      </c>
      <c r="D222" s="17" t="s">
        <v>682</v>
      </c>
      <c r="E222" s="18" t="s">
        <v>6</v>
      </c>
      <c r="F222" s="18" t="s">
        <v>1156</v>
      </c>
      <c r="G222" s="17" t="s">
        <v>1</v>
      </c>
      <c r="H222" s="18"/>
    </row>
    <row r="223" spans="1:8" ht="40.049999999999997" customHeight="1" x14ac:dyDescent="0.2">
      <c r="A223" s="15" t="s">
        <v>173</v>
      </c>
      <c r="B223" s="16">
        <v>12</v>
      </c>
      <c r="C223" s="17" t="s">
        <v>683</v>
      </c>
      <c r="D223" s="17" t="s">
        <v>684</v>
      </c>
      <c r="E223" s="18" t="s">
        <v>6</v>
      </c>
      <c r="F223" s="18" t="s">
        <v>1164</v>
      </c>
      <c r="G223" s="17" t="s">
        <v>1</v>
      </c>
      <c r="H223" s="18"/>
    </row>
    <row r="224" spans="1:8" ht="40.049999999999997" customHeight="1" x14ac:dyDescent="0.2">
      <c r="A224" s="15" t="s">
        <v>173</v>
      </c>
      <c r="B224" s="16">
        <v>14</v>
      </c>
      <c r="C224" s="17" t="s">
        <v>685</v>
      </c>
      <c r="D224" s="17" t="s">
        <v>686</v>
      </c>
      <c r="E224" s="18" t="s">
        <v>6</v>
      </c>
      <c r="F224" s="18" t="s">
        <v>57</v>
      </c>
      <c r="G224" s="17" t="s">
        <v>1</v>
      </c>
      <c r="H224" s="18"/>
    </row>
    <row r="225" spans="1:8" ht="40.049999999999997" customHeight="1" x14ac:dyDescent="0.2">
      <c r="A225" s="15" t="s">
        <v>173</v>
      </c>
      <c r="B225" s="16">
        <v>16</v>
      </c>
      <c r="C225" s="17" t="s">
        <v>687</v>
      </c>
      <c r="D225" s="17" t="s">
        <v>688</v>
      </c>
      <c r="E225" s="18" t="s">
        <v>6</v>
      </c>
      <c r="F225" s="18" t="s">
        <v>1154</v>
      </c>
      <c r="G225" s="17" t="s">
        <v>1</v>
      </c>
      <c r="H225" s="18"/>
    </row>
    <row r="226" spans="1:8" ht="40.049999999999997" customHeight="1" x14ac:dyDescent="0.2">
      <c r="A226" s="15" t="s">
        <v>173</v>
      </c>
      <c r="B226" s="16">
        <v>17</v>
      </c>
      <c r="C226" s="17" t="s">
        <v>689</v>
      </c>
      <c r="D226" s="17" t="s">
        <v>690</v>
      </c>
      <c r="E226" s="18" t="s">
        <v>6</v>
      </c>
      <c r="F226" s="18" t="s">
        <v>130</v>
      </c>
      <c r="G226" s="17" t="s">
        <v>1</v>
      </c>
      <c r="H226" s="18"/>
    </row>
    <row r="227" spans="1:8" ht="40.049999999999997" customHeight="1" x14ac:dyDescent="0.2">
      <c r="A227" s="15" t="s">
        <v>173</v>
      </c>
      <c r="B227" s="16">
        <v>18</v>
      </c>
      <c r="C227" s="17" t="s">
        <v>691</v>
      </c>
      <c r="D227" s="17" t="s">
        <v>692</v>
      </c>
      <c r="E227" s="18" t="s">
        <v>6</v>
      </c>
      <c r="F227" s="18" t="s">
        <v>1165</v>
      </c>
      <c r="G227" s="17" t="s">
        <v>1</v>
      </c>
      <c r="H227" s="18"/>
    </row>
    <row r="228" spans="1:8" ht="40.049999999999997" customHeight="1" x14ac:dyDescent="0.2">
      <c r="A228" s="15" t="s">
        <v>173</v>
      </c>
      <c r="B228" s="16">
        <v>23</v>
      </c>
      <c r="C228" s="17" t="s">
        <v>693</v>
      </c>
      <c r="D228" s="17" t="s">
        <v>694</v>
      </c>
      <c r="E228" s="18" t="s">
        <v>6</v>
      </c>
      <c r="F228" s="18" t="s">
        <v>56</v>
      </c>
      <c r="G228" s="17" t="s">
        <v>1</v>
      </c>
      <c r="H228" s="18"/>
    </row>
    <row r="229" spans="1:8" ht="40.049999999999997" customHeight="1" x14ac:dyDescent="0.2">
      <c r="A229" s="15" t="s">
        <v>174</v>
      </c>
      <c r="B229" s="16">
        <v>17</v>
      </c>
      <c r="C229" s="17" t="s">
        <v>695</v>
      </c>
      <c r="D229" s="17" t="s">
        <v>696</v>
      </c>
      <c r="E229" s="18" t="s">
        <v>6</v>
      </c>
      <c r="F229" s="18" t="s">
        <v>59</v>
      </c>
      <c r="G229" s="17" t="s">
        <v>1</v>
      </c>
      <c r="H229" s="18"/>
    </row>
    <row r="230" spans="1:8" ht="40.049999999999997" customHeight="1" x14ac:dyDescent="0.2">
      <c r="A230" s="15" t="s">
        <v>174</v>
      </c>
      <c r="B230" s="16">
        <v>28</v>
      </c>
      <c r="C230" s="17" t="s">
        <v>697</v>
      </c>
      <c r="D230" s="17" t="s">
        <v>698</v>
      </c>
      <c r="E230" s="18" t="s">
        <v>6</v>
      </c>
      <c r="F230" s="18" t="s">
        <v>1166</v>
      </c>
      <c r="G230" s="17" t="s">
        <v>1</v>
      </c>
      <c r="H230" s="18"/>
    </row>
    <row r="231" spans="1:8" ht="40.049999999999997" customHeight="1" x14ac:dyDescent="0.2">
      <c r="A231" s="15" t="s">
        <v>174</v>
      </c>
      <c r="B231" s="16">
        <v>33</v>
      </c>
      <c r="C231" s="17" t="s">
        <v>699</v>
      </c>
      <c r="D231" s="17" t="s">
        <v>700</v>
      </c>
      <c r="E231" s="18" t="s">
        <v>6</v>
      </c>
      <c r="F231" s="18" t="s">
        <v>232</v>
      </c>
      <c r="G231" s="17" t="s">
        <v>1</v>
      </c>
      <c r="H231" s="18"/>
    </row>
    <row r="232" spans="1:8" ht="40.049999999999997" customHeight="1" x14ac:dyDescent="0.2">
      <c r="A232" s="15" t="s">
        <v>174</v>
      </c>
      <c r="B232" s="16">
        <v>37</v>
      </c>
      <c r="C232" s="17" t="s">
        <v>701</v>
      </c>
      <c r="D232" s="17" t="s">
        <v>702</v>
      </c>
      <c r="E232" s="18" t="s">
        <v>6</v>
      </c>
      <c r="F232" s="18" t="s">
        <v>1167</v>
      </c>
      <c r="G232" s="17" t="s">
        <v>1</v>
      </c>
      <c r="H232" s="18"/>
    </row>
    <row r="233" spans="1:8" ht="40.049999999999997" customHeight="1" x14ac:dyDescent="0.2">
      <c r="A233" s="15" t="s">
        <v>174</v>
      </c>
      <c r="B233" s="16">
        <v>46</v>
      </c>
      <c r="C233" s="17" t="s">
        <v>703</v>
      </c>
      <c r="D233" s="17" t="s">
        <v>704</v>
      </c>
      <c r="E233" s="18" t="s">
        <v>6</v>
      </c>
      <c r="F233" s="18" t="s">
        <v>1168</v>
      </c>
      <c r="G233" s="17" t="s">
        <v>1</v>
      </c>
      <c r="H233" s="18"/>
    </row>
    <row r="234" spans="1:8" ht="40.049999999999997" customHeight="1" x14ac:dyDescent="0.2">
      <c r="A234" s="15" t="s">
        <v>174</v>
      </c>
      <c r="B234" s="16">
        <v>48</v>
      </c>
      <c r="C234" s="17" t="s">
        <v>705</v>
      </c>
      <c r="D234" s="17" t="s">
        <v>706</v>
      </c>
      <c r="E234" s="18" t="s">
        <v>6</v>
      </c>
      <c r="F234" s="18" t="s">
        <v>145</v>
      </c>
      <c r="G234" s="17" t="s">
        <v>1</v>
      </c>
      <c r="H234" s="18"/>
    </row>
    <row r="235" spans="1:8" ht="40.049999999999997" customHeight="1" x14ac:dyDescent="0.2">
      <c r="A235" s="15" t="s">
        <v>174</v>
      </c>
      <c r="B235" s="16">
        <v>49</v>
      </c>
      <c r="C235" s="17" t="s">
        <v>707</v>
      </c>
      <c r="D235" s="17" t="s">
        <v>708</v>
      </c>
      <c r="E235" s="18" t="s">
        <v>6</v>
      </c>
      <c r="F235" s="18" t="s">
        <v>146</v>
      </c>
      <c r="G235" s="17" t="s">
        <v>1</v>
      </c>
      <c r="H235" s="18"/>
    </row>
    <row r="236" spans="1:8" ht="40.049999999999997" customHeight="1" x14ac:dyDescent="0.2">
      <c r="A236" s="15" t="s">
        <v>174</v>
      </c>
      <c r="B236" s="16">
        <v>50</v>
      </c>
      <c r="C236" s="17" t="s">
        <v>709</v>
      </c>
      <c r="D236" s="17" t="s">
        <v>710</v>
      </c>
      <c r="E236" s="18" t="s">
        <v>6</v>
      </c>
      <c r="F236" s="18" t="s">
        <v>60</v>
      </c>
      <c r="G236" s="17" t="s">
        <v>1</v>
      </c>
      <c r="H236" s="18"/>
    </row>
    <row r="237" spans="1:8" ht="40.049999999999997" customHeight="1" x14ac:dyDescent="0.2">
      <c r="A237" s="15" t="s">
        <v>174</v>
      </c>
      <c r="B237" s="16">
        <v>110</v>
      </c>
      <c r="C237" s="17" t="s">
        <v>711</v>
      </c>
      <c r="D237" s="17" t="s">
        <v>712</v>
      </c>
      <c r="E237" s="18" t="s">
        <v>6</v>
      </c>
      <c r="F237" s="18" t="s">
        <v>147</v>
      </c>
      <c r="G237" s="17" t="s">
        <v>1</v>
      </c>
      <c r="H237" s="18"/>
    </row>
    <row r="238" spans="1:8" ht="40.049999999999997" customHeight="1" x14ac:dyDescent="0.2">
      <c r="A238" s="15" t="s">
        <v>174</v>
      </c>
      <c r="B238" s="16">
        <v>114</v>
      </c>
      <c r="C238" s="17" t="s">
        <v>713</v>
      </c>
      <c r="D238" s="17" t="s">
        <v>714</v>
      </c>
      <c r="E238" s="18" t="s">
        <v>6</v>
      </c>
      <c r="F238" s="18" t="s">
        <v>1169</v>
      </c>
      <c r="G238" s="17" t="s">
        <v>1</v>
      </c>
      <c r="H238" s="18"/>
    </row>
    <row r="239" spans="1:8" ht="40.049999999999997" customHeight="1" x14ac:dyDescent="0.2">
      <c r="A239" s="15" t="s">
        <v>174</v>
      </c>
      <c r="B239" s="16">
        <v>116</v>
      </c>
      <c r="C239" s="17" t="s">
        <v>715</v>
      </c>
      <c r="D239" s="17" t="s">
        <v>716</v>
      </c>
      <c r="E239" s="18" t="s">
        <v>6</v>
      </c>
      <c r="F239" s="18" t="s">
        <v>1170</v>
      </c>
      <c r="G239" s="17" t="s">
        <v>1</v>
      </c>
      <c r="H239" s="18"/>
    </row>
    <row r="240" spans="1:8" ht="40.049999999999997" customHeight="1" x14ac:dyDescent="0.2">
      <c r="A240" s="15" t="s">
        <v>174</v>
      </c>
      <c r="B240" s="16">
        <v>122</v>
      </c>
      <c r="C240" s="17" t="s">
        <v>717</v>
      </c>
      <c r="D240" s="17" t="s">
        <v>718</v>
      </c>
      <c r="E240" s="18" t="s">
        <v>6</v>
      </c>
      <c r="F240" s="18" t="s">
        <v>147</v>
      </c>
      <c r="G240" s="17" t="s">
        <v>1</v>
      </c>
      <c r="H240" s="18"/>
    </row>
    <row r="241" spans="1:8" ht="40.049999999999997" customHeight="1" x14ac:dyDescent="0.2">
      <c r="A241" s="15" t="s">
        <v>174</v>
      </c>
      <c r="B241" s="16">
        <v>123</v>
      </c>
      <c r="C241" s="17" t="s">
        <v>719</v>
      </c>
      <c r="D241" s="17" t="s">
        <v>720</v>
      </c>
      <c r="E241" s="18" t="s">
        <v>6</v>
      </c>
      <c r="F241" s="18" t="s">
        <v>1171</v>
      </c>
      <c r="G241" s="17" t="s">
        <v>1</v>
      </c>
      <c r="H241" s="18"/>
    </row>
    <row r="242" spans="1:8" ht="40.049999999999997" customHeight="1" x14ac:dyDescent="0.2">
      <c r="A242" s="15" t="s">
        <v>174</v>
      </c>
      <c r="B242" s="16">
        <v>1</v>
      </c>
      <c r="C242" s="17" t="s">
        <v>721</v>
      </c>
      <c r="D242" s="17" t="s">
        <v>722</v>
      </c>
      <c r="E242" s="18" t="s">
        <v>6</v>
      </c>
      <c r="F242" s="18" t="s">
        <v>145</v>
      </c>
      <c r="G242" s="17" t="s">
        <v>1</v>
      </c>
      <c r="H242" s="18"/>
    </row>
    <row r="243" spans="1:8" ht="40.049999999999997" customHeight="1" x14ac:dyDescent="0.2">
      <c r="A243" s="15" t="s">
        <v>174</v>
      </c>
      <c r="B243" s="16">
        <v>2</v>
      </c>
      <c r="C243" s="17" t="s">
        <v>723</v>
      </c>
      <c r="D243" s="17" t="s">
        <v>724</v>
      </c>
      <c r="E243" s="18" t="s">
        <v>6</v>
      </c>
      <c r="F243" s="18" t="s">
        <v>1172</v>
      </c>
      <c r="G243" s="17" t="s">
        <v>1</v>
      </c>
      <c r="H243" s="18"/>
    </row>
    <row r="244" spans="1:8" ht="40.049999999999997" customHeight="1" x14ac:dyDescent="0.2">
      <c r="A244" s="15" t="s">
        <v>174</v>
      </c>
      <c r="B244" s="16">
        <v>3</v>
      </c>
      <c r="C244" s="17" t="s">
        <v>725</v>
      </c>
      <c r="D244" s="17" t="s">
        <v>726</v>
      </c>
      <c r="E244" s="18" t="s">
        <v>6</v>
      </c>
      <c r="F244" s="18" t="s">
        <v>1173</v>
      </c>
      <c r="G244" s="17" t="s">
        <v>1</v>
      </c>
      <c r="H244" s="18"/>
    </row>
    <row r="245" spans="1:8" ht="40.049999999999997" customHeight="1" x14ac:dyDescent="0.2">
      <c r="A245" s="15" t="s">
        <v>174</v>
      </c>
      <c r="B245" s="16">
        <v>4</v>
      </c>
      <c r="C245" s="17" t="s">
        <v>727</v>
      </c>
      <c r="D245" s="17" t="s">
        <v>728</v>
      </c>
      <c r="E245" s="18" t="s">
        <v>6</v>
      </c>
      <c r="F245" s="18" t="s">
        <v>146</v>
      </c>
      <c r="G245" s="17" t="s">
        <v>1</v>
      </c>
      <c r="H245" s="18"/>
    </row>
    <row r="246" spans="1:8" ht="40.049999999999997" customHeight="1" x14ac:dyDescent="0.2">
      <c r="A246" s="15" t="s">
        <v>174</v>
      </c>
      <c r="B246" s="16">
        <v>7</v>
      </c>
      <c r="C246" s="17" t="s">
        <v>729</v>
      </c>
      <c r="D246" s="17" t="s">
        <v>730</v>
      </c>
      <c r="E246" s="18" t="s">
        <v>6</v>
      </c>
      <c r="F246" s="18" t="s">
        <v>234</v>
      </c>
      <c r="G246" s="17" t="s">
        <v>1</v>
      </c>
      <c r="H246" s="18"/>
    </row>
    <row r="247" spans="1:8" ht="40.049999999999997" customHeight="1" x14ac:dyDescent="0.2">
      <c r="A247" s="15" t="s">
        <v>174</v>
      </c>
      <c r="B247" s="16">
        <v>8</v>
      </c>
      <c r="C247" s="17" t="s">
        <v>731</v>
      </c>
      <c r="D247" s="17" t="s">
        <v>732</v>
      </c>
      <c r="E247" s="18" t="s">
        <v>6</v>
      </c>
      <c r="F247" s="18" t="s">
        <v>1174</v>
      </c>
      <c r="G247" s="17" t="s">
        <v>1</v>
      </c>
      <c r="H247" s="18"/>
    </row>
    <row r="248" spans="1:8" ht="40.049999999999997" customHeight="1" x14ac:dyDescent="0.2">
      <c r="A248" s="15" t="s">
        <v>174</v>
      </c>
      <c r="B248" s="16">
        <v>9</v>
      </c>
      <c r="C248" s="17" t="s">
        <v>733</v>
      </c>
      <c r="D248" s="17" t="s">
        <v>734</v>
      </c>
      <c r="E248" s="18" t="s">
        <v>6</v>
      </c>
      <c r="F248" s="18" t="s">
        <v>234</v>
      </c>
      <c r="G248" s="17" t="s">
        <v>1</v>
      </c>
      <c r="H248" s="18"/>
    </row>
    <row r="249" spans="1:8" ht="40.049999999999997" customHeight="1" x14ac:dyDescent="0.2">
      <c r="A249" s="15" t="s">
        <v>174</v>
      </c>
      <c r="B249" s="16">
        <v>11</v>
      </c>
      <c r="C249" s="17" t="s">
        <v>735</v>
      </c>
      <c r="D249" s="17" t="s">
        <v>736</v>
      </c>
      <c r="E249" s="18" t="s">
        <v>6</v>
      </c>
      <c r="F249" s="18" t="s">
        <v>145</v>
      </c>
      <c r="G249" s="17" t="s">
        <v>1</v>
      </c>
      <c r="H249" s="18"/>
    </row>
    <row r="250" spans="1:8" ht="40.049999999999997" customHeight="1" x14ac:dyDescent="0.2">
      <c r="A250" s="15" t="s">
        <v>174</v>
      </c>
      <c r="B250" s="16">
        <v>12</v>
      </c>
      <c r="C250" s="17" t="s">
        <v>737</v>
      </c>
      <c r="D250" s="17" t="s">
        <v>738</v>
      </c>
      <c r="E250" s="18" t="s">
        <v>6</v>
      </c>
      <c r="F250" s="18" t="s">
        <v>235</v>
      </c>
      <c r="G250" s="17" t="s">
        <v>1</v>
      </c>
      <c r="H250" s="18"/>
    </row>
    <row r="251" spans="1:8" ht="40.049999999999997" customHeight="1" x14ac:dyDescent="0.2">
      <c r="A251" s="15" t="s">
        <v>174</v>
      </c>
      <c r="B251" s="16">
        <v>13</v>
      </c>
      <c r="C251" s="17" t="s">
        <v>739</v>
      </c>
      <c r="D251" s="17" t="s">
        <v>740</v>
      </c>
      <c r="E251" s="18" t="s">
        <v>6</v>
      </c>
      <c r="F251" s="18" t="s">
        <v>143</v>
      </c>
      <c r="G251" s="17" t="s">
        <v>1</v>
      </c>
      <c r="H251" s="18"/>
    </row>
    <row r="252" spans="1:8" ht="40.049999999999997" customHeight="1" x14ac:dyDescent="0.2">
      <c r="A252" s="15" t="s">
        <v>174</v>
      </c>
      <c r="B252" s="16">
        <v>14</v>
      </c>
      <c r="C252" s="17" t="s">
        <v>741</v>
      </c>
      <c r="D252" s="17" t="s">
        <v>742</v>
      </c>
      <c r="E252" s="18" t="s">
        <v>6</v>
      </c>
      <c r="F252" s="18" t="s">
        <v>230</v>
      </c>
      <c r="G252" s="17" t="s">
        <v>1</v>
      </c>
      <c r="H252" s="18"/>
    </row>
    <row r="253" spans="1:8" ht="40.049999999999997" customHeight="1" x14ac:dyDescent="0.2">
      <c r="A253" s="15" t="s">
        <v>174</v>
      </c>
      <c r="B253" s="16">
        <v>16</v>
      </c>
      <c r="C253" s="17" t="s">
        <v>743</v>
      </c>
      <c r="D253" s="17" t="s">
        <v>744</v>
      </c>
      <c r="E253" s="18" t="s">
        <v>6</v>
      </c>
      <c r="F253" s="18" t="s">
        <v>1175</v>
      </c>
      <c r="G253" s="17" t="s">
        <v>1</v>
      </c>
      <c r="H253" s="18"/>
    </row>
    <row r="254" spans="1:8" ht="40.049999999999997" customHeight="1" x14ac:dyDescent="0.2">
      <c r="A254" s="15" t="s">
        <v>174</v>
      </c>
      <c r="B254" s="16">
        <v>21</v>
      </c>
      <c r="C254" s="17" t="s">
        <v>745</v>
      </c>
      <c r="D254" s="17" t="s">
        <v>746</v>
      </c>
      <c r="E254" s="18" t="s">
        <v>6</v>
      </c>
      <c r="F254" s="18" t="s">
        <v>1168</v>
      </c>
      <c r="G254" s="17" t="s">
        <v>1</v>
      </c>
      <c r="H254" s="18"/>
    </row>
    <row r="255" spans="1:8" ht="40.049999999999997" customHeight="1" x14ac:dyDescent="0.2">
      <c r="A255" s="15" t="s">
        <v>174</v>
      </c>
      <c r="B255" s="16">
        <v>23</v>
      </c>
      <c r="C255" s="17" t="s">
        <v>747</v>
      </c>
      <c r="D255" s="17" t="s">
        <v>748</v>
      </c>
      <c r="E255" s="18" t="s">
        <v>6</v>
      </c>
      <c r="F255" s="18" t="s">
        <v>230</v>
      </c>
      <c r="G255" s="17" t="s">
        <v>1</v>
      </c>
      <c r="H255" s="18"/>
    </row>
    <row r="256" spans="1:8" ht="40.049999999999997" customHeight="1" x14ac:dyDescent="0.2">
      <c r="A256" s="15" t="s">
        <v>174</v>
      </c>
      <c r="B256" s="16">
        <v>25</v>
      </c>
      <c r="C256" s="17" t="s">
        <v>749</v>
      </c>
      <c r="D256" s="17" t="s">
        <v>750</v>
      </c>
      <c r="E256" s="18" t="s">
        <v>6</v>
      </c>
      <c r="F256" s="18" t="s">
        <v>231</v>
      </c>
      <c r="G256" s="17" t="s">
        <v>1</v>
      </c>
      <c r="H256" s="18"/>
    </row>
    <row r="257" spans="1:8" ht="40.049999999999997" customHeight="1" x14ac:dyDescent="0.2">
      <c r="A257" s="15" t="s">
        <v>174</v>
      </c>
      <c r="B257" s="16">
        <v>29</v>
      </c>
      <c r="C257" s="17" t="s">
        <v>751</v>
      </c>
      <c r="D257" s="17" t="s">
        <v>752</v>
      </c>
      <c r="E257" s="18" t="s">
        <v>6</v>
      </c>
      <c r="F257" s="18" t="s">
        <v>1176</v>
      </c>
      <c r="G257" s="17" t="s">
        <v>1</v>
      </c>
      <c r="H257" s="18"/>
    </row>
    <row r="258" spans="1:8" ht="40.049999999999997" customHeight="1" x14ac:dyDescent="0.2">
      <c r="A258" s="15" t="s">
        <v>174</v>
      </c>
      <c r="B258" s="16">
        <v>101</v>
      </c>
      <c r="C258" s="17" t="s">
        <v>753</v>
      </c>
      <c r="D258" s="17" t="s">
        <v>754</v>
      </c>
      <c r="E258" s="18" t="s">
        <v>6</v>
      </c>
      <c r="F258" s="18" t="s">
        <v>1177</v>
      </c>
      <c r="G258" s="17" t="s">
        <v>1</v>
      </c>
      <c r="H258" s="18"/>
    </row>
    <row r="259" spans="1:8" ht="40.049999999999997" customHeight="1" x14ac:dyDescent="0.2">
      <c r="A259" s="15" t="s">
        <v>174</v>
      </c>
      <c r="B259" s="16">
        <v>102</v>
      </c>
      <c r="C259" s="17" t="s">
        <v>755</v>
      </c>
      <c r="D259" s="17" t="s">
        <v>756</v>
      </c>
      <c r="E259" s="18" t="s">
        <v>6</v>
      </c>
      <c r="F259" s="18" t="s">
        <v>1178</v>
      </c>
      <c r="G259" s="17" t="s">
        <v>1</v>
      </c>
      <c r="H259" s="18"/>
    </row>
    <row r="260" spans="1:8" ht="40.049999999999997" customHeight="1" x14ac:dyDescent="0.2">
      <c r="A260" s="15" t="s">
        <v>174</v>
      </c>
      <c r="B260" s="16">
        <v>103</v>
      </c>
      <c r="C260" s="17" t="s">
        <v>757</v>
      </c>
      <c r="D260" s="17" t="s">
        <v>758</v>
      </c>
      <c r="E260" s="18" t="s">
        <v>6</v>
      </c>
      <c r="F260" s="18" t="s">
        <v>233</v>
      </c>
      <c r="G260" s="17" t="s">
        <v>1</v>
      </c>
      <c r="H260" s="18"/>
    </row>
    <row r="261" spans="1:8" ht="40.049999999999997" customHeight="1" x14ac:dyDescent="0.2">
      <c r="A261" s="15" t="s">
        <v>174</v>
      </c>
      <c r="B261" s="16">
        <v>105</v>
      </c>
      <c r="C261" s="17" t="s">
        <v>759</v>
      </c>
      <c r="D261" s="17" t="s">
        <v>760</v>
      </c>
      <c r="E261" s="18" t="s">
        <v>6</v>
      </c>
      <c r="F261" s="18" t="s">
        <v>1179</v>
      </c>
      <c r="G261" s="17" t="s">
        <v>1</v>
      </c>
      <c r="H261" s="18"/>
    </row>
    <row r="262" spans="1:8" ht="40.049999999999997" customHeight="1" x14ac:dyDescent="0.2">
      <c r="A262" s="15" t="s">
        <v>174</v>
      </c>
      <c r="B262" s="16">
        <v>106</v>
      </c>
      <c r="C262" s="17" t="s">
        <v>761</v>
      </c>
      <c r="D262" s="17" t="s">
        <v>762</v>
      </c>
      <c r="E262" s="18" t="s">
        <v>6</v>
      </c>
      <c r="F262" s="18" t="s">
        <v>1130</v>
      </c>
      <c r="G262" s="17" t="s">
        <v>1</v>
      </c>
      <c r="H262" s="18"/>
    </row>
    <row r="263" spans="1:8" ht="40.049999999999997" customHeight="1" x14ac:dyDescent="0.2">
      <c r="A263" s="15" t="s">
        <v>174</v>
      </c>
      <c r="B263" s="16">
        <v>107</v>
      </c>
      <c r="C263" s="17" t="s">
        <v>763</v>
      </c>
      <c r="D263" s="17" t="s">
        <v>764</v>
      </c>
      <c r="E263" s="18" t="s">
        <v>6</v>
      </c>
      <c r="F263" s="18" t="s">
        <v>1170</v>
      </c>
      <c r="G263" s="17" t="s">
        <v>1</v>
      </c>
      <c r="H263" s="18"/>
    </row>
    <row r="264" spans="1:8" ht="40.049999999999997" customHeight="1" x14ac:dyDescent="0.2">
      <c r="A264" s="15" t="s">
        <v>174</v>
      </c>
      <c r="B264" s="16">
        <v>108</v>
      </c>
      <c r="C264" s="17" t="s">
        <v>765</v>
      </c>
      <c r="D264" s="17" t="s">
        <v>766</v>
      </c>
      <c r="E264" s="18" t="s">
        <v>6</v>
      </c>
      <c r="F264" s="18" t="s">
        <v>217</v>
      </c>
      <c r="G264" s="17" t="s">
        <v>1</v>
      </c>
      <c r="H264" s="18"/>
    </row>
    <row r="265" spans="1:8" ht="40.049999999999997" customHeight="1" x14ac:dyDescent="0.2">
      <c r="A265" s="15" t="s">
        <v>174</v>
      </c>
      <c r="B265" s="16">
        <v>113</v>
      </c>
      <c r="C265" s="17" t="s">
        <v>767</v>
      </c>
      <c r="D265" s="17" t="s">
        <v>768</v>
      </c>
      <c r="E265" s="18" t="s">
        <v>6</v>
      </c>
      <c r="F265" s="18" t="s">
        <v>1180</v>
      </c>
      <c r="G265" s="17" t="s">
        <v>1</v>
      </c>
      <c r="H265" s="18"/>
    </row>
    <row r="266" spans="1:8" ht="40.049999999999997" customHeight="1" x14ac:dyDescent="0.2">
      <c r="A266" s="15" t="s">
        <v>174</v>
      </c>
      <c r="B266" s="16">
        <v>115</v>
      </c>
      <c r="C266" s="17" t="s">
        <v>769</v>
      </c>
      <c r="D266" s="17" t="s">
        <v>770</v>
      </c>
      <c r="E266" s="18" t="s">
        <v>6</v>
      </c>
      <c r="F266" s="18" t="s">
        <v>58</v>
      </c>
      <c r="G266" s="17" t="s">
        <v>1</v>
      </c>
      <c r="H266" s="18"/>
    </row>
    <row r="267" spans="1:8" ht="40.049999999999997" customHeight="1" x14ac:dyDescent="0.2">
      <c r="A267" s="15" t="s">
        <v>174</v>
      </c>
      <c r="B267" s="16">
        <v>119</v>
      </c>
      <c r="C267" s="17" t="s">
        <v>771</v>
      </c>
      <c r="D267" s="17" t="s">
        <v>772</v>
      </c>
      <c r="E267" s="18" t="s">
        <v>6</v>
      </c>
      <c r="F267" s="18" t="s">
        <v>1171</v>
      </c>
      <c r="G267" s="17" t="s">
        <v>1</v>
      </c>
      <c r="H267" s="18"/>
    </row>
    <row r="268" spans="1:8" ht="40.049999999999997" customHeight="1" x14ac:dyDescent="0.2">
      <c r="A268" s="15" t="s">
        <v>174</v>
      </c>
      <c r="B268" s="16">
        <v>120</v>
      </c>
      <c r="C268" s="17" t="s">
        <v>773</v>
      </c>
      <c r="D268" s="17" t="s">
        <v>774</v>
      </c>
      <c r="E268" s="18" t="s">
        <v>6</v>
      </c>
      <c r="F268" s="18" t="s">
        <v>61</v>
      </c>
      <c r="G268" s="17" t="s">
        <v>1</v>
      </c>
      <c r="H268" s="18"/>
    </row>
    <row r="269" spans="1:8" ht="40.049999999999997" customHeight="1" x14ac:dyDescent="0.2">
      <c r="A269" s="15" t="s">
        <v>174</v>
      </c>
      <c r="B269" s="16">
        <v>121</v>
      </c>
      <c r="C269" s="17" t="s">
        <v>775</v>
      </c>
      <c r="D269" s="17" t="s">
        <v>776</v>
      </c>
      <c r="E269" s="18" t="s">
        <v>6</v>
      </c>
      <c r="F269" s="18" t="s">
        <v>1170</v>
      </c>
      <c r="G269" s="17" t="s">
        <v>1</v>
      </c>
      <c r="H269" s="18"/>
    </row>
    <row r="270" spans="1:8" ht="40.049999999999997" customHeight="1" x14ac:dyDescent="0.2">
      <c r="A270" s="15" t="s">
        <v>174</v>
      </c>
      <c r="B270" s="16">
        <v>126</v>
      </c>
      <c r="C270" s="17" t="s">
        <v>777</v>
      </c>
      <c r="D270" s="17" t="s">
        <v>778</v>
      </c>
      <c r="E270" s="18" t="s">
        <v>6</v>
      </c>
      <c r="F270" s="18" t="s">
        <v>144</v>
      </c>
      <c r="G270" s="17" t="s">
        <v>1</v>
      </c>
      <c r="H270" s="18"/>
    </row>
    <row r="271" spans="1:8" ht="40.049999999999997" customHeight="1" x14ac:dyDescent="0.2">
      <c r="A271" s="15" t="s">
        <v>175</v>
      </c>
      <c r="B271" s="16">
        <v>40</v>
      </c>
      <c r="C271" s="17" t="s">
        <v>779</v>
      </c>
      <c r="D271" s="17" t="s">
        <v>780</v>
      </c>
      <c r="E271" s="18" t="s">
        <v>6</v>
      </c>
      <c r="F271" s="18" t="s">
        <v>148</v>
      </c>
      <c r="G271" s="17" t="s">
        <v>1</v>
      </c>
      <c r="H271" s="18"/>
    </row>
    <row r="272" spans="1:8" ht="40.049999999999997" customHeight="1" x14ac:dyDescent="0.2">
      <c r="A272" s="15" t="s">
        <v>175</v>
      </c>
      <c r="B272" s="16">
        <v>41</v>
      </c>
      <c r="C272" s="17" t="s">
        <v>781</v>
      </c>
      <c r="D272" s="17" t="s">
        <v>782</v>
      </c>
      <c r="E272" s="18" t="s">
        <v>6</v>
      </c>
      <c r="F272" s="18" t="s">
        <v>132</v>
      </c>
      <c r="G272" s="17" t="s">
        <v>1</v>
      </c>
      <c r="H272" s="18"/>
    </row>
    <row r="273" spans="1:8" ht="40.049999999999997" customHeight="1" x14ac:dyDescent="0.2">
      <c r="A273" s="15" t="s">
        <v>175</v>
      </c>
      <c r="B273" s="16">
        <v>43</v>
      </c>
      <c r="C273" s="17" t="s">
        <v>783</v>
      </c>
      <c r="D273" s="17" t="s">
        <v>784</v>
      </c>
      <c r="E273" s="18" t="s">
        <v>6</v>
      </c>
      <c r="F273" s="18" t="s">
        <v>51</v>
      </c>
      <c r="G273" s="17" t="s">
        <v>1</v>
      </c>
      <c r="H273" s="18"/>
    </row>
    <row r="274" spans="1:8" ht="40.049999999999997" customHeight="1" x14ac:dyDescent="0.2">
      <c r="A274" s="15" t="s">
        <v>175</v>
      </c>
      <c r="B274" s="16">
        <v>44</v>
      </c>
      <c r="C274" s="17" t="s">
        <v>785</v>
      </c>
      <c r="D274" s="17" t="s">
        <v>786</v>
      </c>
      <c r="E274" s="18" t="s">
        <v>6</v>
      </c>
      <c r="F274" s="18" t="s">
        <v>46</v>
      </c>
      <c r="G274" s="17" t="s">
        <v>1</v>
      </c>
      <c r="H274" s="18"/>
    </row>
    <row r="275" spans="1:8" ht="40.049999999999997" customHeight="1" x14ac:dyDescent="0.2">
      <c r="A275" s="15" t="s">
        <v>175</v>
      </c>
      <c r="B275" s="16">
        <v>45</v>
      </c>
      <c r="C275" s="17" t="s">
        <v>787</v>
      </c>
      <c r="D275" s="17" t="s">
        <v>788</v>
      </c>
      <c r="E275" s="18" t="s">
        <v>6</v>
      </c>
      <c r="F275" s="18" t="s">
        <v>64</v>
      </c>
      <c r="G275" s="17" t="s">
        <v>1</v>
      </c>
      <c r="H275" s="18"/>
    </row>
    <row r="276" spans="1:8" ht="40.049999999999997" customHeight="1" x14ac:dyDescent="0.2">
      <c r="A276" s="15" t="s">
        <v>175</v>
      </c>
      <c r="B276" s="16">
        <v>1</v>
      </c>
      <c r="C276" s="17" t="s">
        <v>789</v>
      </c>
      <c r="D276" s="17" t="s">
        <v>790</v>
      </c>
      <c r="E276" s="18" t="s">
        <v>6</v>
      </c>
      <c r="F276" s="18" t="s">
        <v>50</v>
      </c>
      <c r="G276" s="17" t="s">
        <v>1</v>
      </c>
      <c r="H276" s="18"/>
    </row>
    <row r="277" spans="1:8" ht="40.049999999999997" customHeight="1" x14ac:dyDescent="0.2">
      <c r="A277" s="15" t="s">
        <v>175</v>
      </c>
      <c r="B277" s="16">
        <v>2</v>
      </c>
      <c r="C277" s="17" t="s">
        <v>791</v>
      </c>
      <c r="D277" s="17" t="s">
        <v>792</v>
      </c>
      <c r="E277" s="18" t="s">
        <v>6</v>
      </c>
      <c r="F277" s="18" t="s">
        <v>1181</v>
      </c>
      <c r="G277" s="17" t="s">
        <v>1</v>
      </c>
      <c r="H277" s="18"/>
    </row>
    <row r="278" spans="1:8" ht="40.049999999999997" customHeight="1" x14ac:dyDescent="0.2">
      <c r="A278" s="15" t="s">
        <v>175</v>
      </c>
      <c r="B278" s="16">
        <v>3</v>
      </c>
      <c r="C278" s="17" t="s">
        <v>793</v>
      </c>
      <c r="D278" s="17" t="s">
        <v>794</v>
      </c>
      <c r="E278" s="18" t="s">
        <v>6</v>
      </c>
      <c r="F278" s="18" t="s">
        <v>63</v>
      </c>
      <c r="G278" s="17" t="s">
        <v>1</v>
      </c>
      <c r="H278" s="18"/>
    </row>
    <row r="279" spans="1:8" ht="40.049999999999997" customHeight="1" x14ac:dyDescent="0.2">
      <c r="A279" s="15" t="s">
        <v>175</v>
      </c>
      <c r="B279" s="16">
        <v>4</v>
      </c>
      <c r="C279" s="17" t="s">
        <v>795</v>
      </c>
      <c r="D279" s="17" t="s">
        <v>796</v>
      </c>
      <c r="E279" s="18" t="s">
        <v>6</v>
      </c>
      <c r="F279" s="18" t="s">
        <v>37</v>
      </c>
      <c r="G279" s="17" t="s">
        <v>1</v>
      </c>
      <c r="H279" s="18"/>
    </row>
    <row r="280" spans="1:8" ht="40.049999999999997" customHeight="1" x14ac:dyDescent="0.2">
      <c r="A280" s="15" t="s">
        <v>175</v>
      </c>
      <c r="B280" s="16">
        <v>5</v>
      </c>
      <c r="C280" s="17" t="s">
        <v>797</v>
      </c>
      <c r="D280" s="17" t="s">
        <v>798</v>
      </c>
      <c r="E280" s="18" t="s">
        <v>6</v>
      </c>
      <c r="F280" s="18" t="s">
        <v>65</v>
      </c>
      <c r="G280" s="17" t="s">
        <v>1</v>
      </c>
      <c r="H280" s="18"/>
    </row>
    <row r="281" spans="1:8" ht="40.049999999999997" customHeight="1" x14ac:dyDescent="0.2">
      <c r="A281" s="15" t="s">
        <v>175</v>
      </c>
      <c r="B281" s="16">
        <v>8</v>
      </c>
      <c r="C281" s="17" t="s">
        <v>799</v>
      </c>
      <c r="D281" s="17" t="s">
        <v>197</v>
      </c>
      <c r="E281" s="18" t="s">
        <v>6</v>
      </c>
      <c r="F281" s="18" t="s">
        <v>50</v>
      </c>
      <c r="G281" s="17" t="s">
        <v>1</v>
      </c>
      <c r="H281" s="18"/>
    </row>
    <row r="282" spans="1:8" ht="40.049999999999997" customHeight="1" x14ac:dyDescent="0.2">
      <c r="A282" s="15" t="s">
        <v>175</v>
      </c>
      <c r="B282" s="16">
        <v>9</v>
      </c>
      <c r="C282" s="17" t="s">
        <v>800</v>
      </c>
      <c r="D282" s="17" t="s">
        <v>801</v>
      </c>
      <c r="E282" s="18" t="s">
        <v>6</v>
      </c>
      <c r="F282" s="18" t="s">
        <v>46</v>
      </c>
      <c r="G282" s="17" t="s">
        <v>1</v>
      </c>
      <c r="H282" s="18"/>
    </row>
    <row r="283" spans="1:8" ht="40.049999999999997" customHeight="1" x14ac:dyDescent="0.2">
      <c r="A283" s="15" t="s">
        <v>175</v>
      </c>
      <c r="B283" s="16">
        <v>10</v>
      </c>
      <c r="C283" s="17" t="s">
        <v>802</v>
      </c>
      <c r="D283" s="17" t="s">
        <v>803</v>
      </c>
      <c r="E283" s="18" t="s">
        <v>6</v>
      </c>
      <c r="F283" s="18" t="s">
        <v>50</v>
      </c>
      <c r="G283" s="17" t="s">
        <v>1</v>
      </c>
      <c r="H283" s="18"/>
    </row>
    <row r="284" spans="1:8" ht="40.049999999999997" customHeight="1" x14ac:dyDescent="0.2">
      <c r="A284" s="15" t="s">
        <v>175</v>
      </c>
      <c r="B284" s="16">
        <v>12</v>
      </c>
      <c r="C284" s="17" t="s">
        <v>804</v>
      </c>
      <c r="D284" s="17" t="s">
        <v>805</v>
      </c>
      <c r="E284" s="18" t="s">
        <v>6</v>
      </c>
      <c r="F284" s="18" t="s">
        <v>236</v>
      </c>
      <c r="G284" s="17" t="s">
        <v>1</v>
      </c>
      <c r="H284" s="18"/>
    </row>
    <row r="285" spans="1:8" ht="40.049999999999997" customHeight="1" x14ac:dyDescent="0.2">
      <c r="A285" s="15" t="s">
        <v>175</v>
      </c>
      <c r="B285" s="16">
        <v>13</v>
      </c>
      <c r="C285" s="17" t="s">
        <v>806</v>
      </c>
      <c r="D285" s="17" t="s">
        <v>807</v>
      </c>
      <c r="E285" s="18" t="s">
        <v>6</v>
      </c>
      <c r="F285" s="18" t="s">
        <v>62</v>
      </c>
      <c r="G285" s="17" t="s">
        <v>1</v>
      </c>
      <c r="H285" s="18"/>
    </row>
    <row r="286" spans="1:8" ht="40.049999999999997" customHeight="1" x14ac:dyDescent="0.2">
      <c r="A286" s="15" t="s">
        <v>175</v>
      </c>
      <c r="B286" s="16">
        <v>14</v>
      </c>
      <c r="C286" s="17" t="s">
        <v>808</v>
      </c>
      <c r="D286" s="17" t="s">
        <v>809</v>
      </c>
      <c r="E286" s="18" t="s">
        <v>6</v>
      </c>
      <c r="F286" s="18" t="s">
        <v>9</v>
      </c>
      <c r="G286" s="17" t="s">
        <v>1</v>
      </c>
      <c r="H286" s="18"/>
    </row>
    <row r="287" spans="1:8" ht="40.049999999999997" customHeight="1" x14ac:dyDescent="0.2">
      <c r="A287" s="15" t="s">
        <v>175</v>
      </c>
      <c r="B287" s="16">
        <v>18</v>
      </c>
      <c r="C287" s="17" t="s">
        <v>810</v>
      </c>
      <c r="D287" s="17" t="s">
        <v>811</v>
      </c>
      <c r="E287" s="18" t="s">
        <v>6</v>
      </c>
      <c r="F287" s="18" t="s">
        <v>46</v>
      </c>
      <c r="G287" s="17" t="s">
        <v>1</v>
      </c>
      <c r="H287" s="18"/>
    </row>
    <row r="288" spans="1:8" ht="40.049999999999997" customHeight="1" x14ac:dyDescent="0.2">
      <c r="A288" s="15" t="s">
        <v>175</v>
      </c>
      <c r="B288" s="16">
        <v>19</v>
      </c>
      <c r="C288" s="17" t="s">
        <v>812</v>
      </c>
      <c r="D288" s="17" t="s">
        <v>813</v>
      </c>
      <c r="E288" s="18" t="s">
        <v>6</v>
      </c>
      <c r="F288" s="18" t="s">
        <v>239</v>
      </c>
      <c r="G288" s="17" t="s">
        <v>1</v>
      </c>
      <c r="H288" s="18"/>
    </row>
    <row r="289" spans="1:8" ht="40.049999999999997" customHeight="1" x14ac:dyDescent="0.2">
      <c r="A289" s="15" t="s">
        <v>175</v>
      </c>
      <c r="B289" s="16">
        <v>20</v>
      </c>
      <c r="C289" s="17" t="s">
        <v>814</v>
      </c>
      <c r="D289" s="17" t="s">
        <v>815</v>
      </c>
      <c r="E289" s="18" t="s">
        <v>6</v>
      </c>
      <c r="F289" s="18" t="s">
        <v>238</v>
      </c>
      <c r="G289" s="17" t="s">
        <v>1</v>
      </c>
      <c r="H289" s="18"/>
    </row>
    <row r="290" spans="1:8" ht="40.049999999999997" customHeight="1" x14ac:dyDescent="0.2">
      <c r="A290" s="15" t="s">
        <v>175</v>
      </c>
      <c r="B290" s="16">
        <v>21</v>
      </c>
      <c r="C290" s="17" t="s">
        <v>816</v>
      </c>
      <c r="D290" s="17" t="s">
        <v>817</v>
      </c>
      <c r="E290" s="18" t="s">
        <v>6</v>
      </c>
      <c r="F290" s="18" t="s">
        <v>50</v>
      </c>
      <c r="G290" s="17" t="s">
        <v>1</v>
      </c>
      <c r="H290" s="18"/>
    </row>
    <row r="291" spans="1:8" ht="40.049999999999997" customHeight="1" x14ac:dyDescent="0.2">
      <c r="A291" s="15" t="s">
        <v>175</v>
      </c>
      <c r="B291" s="16">
        <v>24</v>
      </c>
      <c r="C291" s="17" t="s">
        <v>818</v>
      </c>
      <c r="D291" s="17" t="s">
        <v>198</v>
      </c>
      <c r="E291" s="18" t="s">
        <v>6</v>
      </c>
      <c r="F291" s="18" t="s">
        <v>237</v>
      </c>
      <c r="G291" s="17" t="s">
        <v>1</v>
      </c>
      <c r="H291" s="18"/>
    </row>
    <row r="292" spans="1:8" ht="40.049999999999997" customHeight="1" x14ac:dyDescent="0.2">
      <c r="A292" s="15" t="s">
        <v>175</v>
      </c>
      <c r="B292" s="16">
        <v>25</v>
      </c>
      <c r="C292" s="17" t="s">
        <v>819</v>
      </c>
      <c r="D292" s="17" t="s">
        <v>820</v>
      </c>
      <c r="E292" s="18" t="s">
        <v>6</v>
      </c>
      <c r="F292" s="18" t="s">
        <v>65</v>
      </c>
      <c r="G292" s="17" t="s">
        <v>1</v>
      </c>
      <c r="H292" s="18"/>
    </row>
    <row r="293" spans="1:8" ht="40.049999999999997" customHeight="1" x14ac:dyDescent="0.2">
      <c r="A293" s="15" t="s">
        <v>175</v>
      </c>
      <c r="B293" s="16">
        <v>28</v>
      </c>
      <c r="C293" s="17" t="s">
        <v>178</v>
      </c>
      <c r="D293" s="17" t="s">
        <v>821</v>
      </c>
      <c r="E293" s="18" t="s">
        <v>105</v>
      </c>
      <c r="F293" s="18" t="s">
        <v>1182</v>
      </c>
      <c r="G293" s="17" t="s">
        <v>1</v>
      </c>
      <c r="H293" s="18"/>
    </row>
    <row r="294" spans="1:8" ht="40.049999999999997" customHeight="1" x14ac:dyDescent="0.2">
      <c r="A294" s="15" t="s">
        <v>176</v>
      </c>
      <c r="B294" s="16">
        <v>6</v>
      </c>
      <c r="C294" s="17" t="s">
        <v>822</v>
      </c>
      <c r="D294" s="17" t="s">
        <v>823</v>
      </c>
      <c r="E294" s="18" t="s">
        <v>6</v>
      </c>
      <c r="F294" s="18" t="s">
        <v>1133</v>
      </c>
      <c r="G294" s="17" t="s">
        <v>1</v>
      </c>
      <c r="H294" s="18"/>
    </row>
    <row r="295" spans="1:8" ht="40.049999999999997" customHeight="1" x14ac:dyDescent="0.2">
      <c r="A295" s="15" t="s">
        <v>176</v>
      </c>
      <c r="B295" s="16">
        <v>7</v>
      </c>
      <c r="C295" s="17" t="s">
        <v>824</v>
      </c>
      <c r="D295" s="17" t="s">
        <v>825</v>
      </c>
      <c r="E295" s="18" t="s">
        <v>6</v>
      </c>
      <c r="F295" s="18" t="s">
        <v>240</v>
      </c>
      <c r="G295" s="17" t="s">
        <v>1</v>
      </c>
      <c r="H295" s="18"/>
    </row>
    <row r="296" spans="1:8" ht="40.049999999999997" customHeight="1" x14ac:dyDescent="0.2">
      <c r="A296" s="15" t="s">
        <v>176</v>
      </c>
      <c r="B296" s="16">
        <v>11</v>
      </c>
      <c r="C296" s="17" t="s">
        <v>826</v>
      </c>
      <c r="D296" s="17" t="s">
        <v>827</v>
      </c>
      <c r="E296" s="18" t="s">
        <v>6</v>
      </c>
      <c r="F296" s="18" t="s">
        <v>1133</v>
      </c>
      <c r="G296" s="17" t="s">
        <v>1</v>
      </c>
      <c r="H296" s="18"/>
    </row>
    <row r="297" spans="1:8" ht="40.049999999999997" customHeight="1" x14ac:dyDescent="0.2">
      <c r="A297" s="15" t="s">
        <v>176</v>
      </c>
      <c r="B297" s="16">
        <v>17</v>
      </c>
      <c r="C297" s="17" t="s">
        <v>828</v>
      </c>
      <c r="D297" s="17" t="s">
        <v>829</v>
      </c>
      <c r="E297" s="18" t="s">
        <v>6</v>
      </c>
      <c r="F297" s="18" t="s">
        <v>67</v>
      </c>
      <c r="G297" s="17" t="s">
        <v>1</v>
      </c>
      <c r="H297" s="18"/>
    </row>
    <row r="298" spans="1:8" ht="40.049999999999997" customHeight="1" x14ac:dyDescent="0.2">
      <c r="A298" s="15" t="s">
        <v>176</v>
      </c>
      <c r="B298" s="16">
        <v>18</v>
      </c>
      <c r="C298" s="20" t="s">
        <v>830</v>
      </c>
      <c r="D298" s="17" t="s">
        <v>831</v>
      </c>
      <c r="E298" s="18" t="s">
        <v>6</v>
      </c>
      <c r="F298" s="18" t="s">
        <v>241</v>
      </c>
      <c r="G298" s="17" t="s">
        <v>1</v>
      </c>
      <c r="H298" s="18"/>
    </row>
    <row r="299" spans="1:8" ht="40.049999999999997" customHeight="1" x14ac:dyDescent="0.2">
      <c r="A299" s="15" t="s">
        <v>176</v>
      </c>
      <c r="B299" s="16">
        <v>19</v>
      </c>
      <c r="C299" s="17" t="s">
        <v>832</v>
      </c>
      <c r="D299" s="17" t="s">
        <v>833</v>
      </c>
      <c r="E299" s="18" t="s">
        <v>6</v>
      </c>
      <c r="F299" s="18" t="s">
        <v>206</v>
      </c>
      <c r="G299" s="17" t="s">
        <v>1</v>
      </c>
      <c r="H299" s="18"/>
    </row>
    <row r="300" spans="1:8" ht="40.049999999999997" customHeight="1" x14ac:dyDescent="0.2">
      <c r="A300" s="15" t="s">
        <v>176</v>
      </c>
      <c r="B300" s="16">
        <v>20</v>
      </c>
      <c r="C300" s="17" t="s">
        <v>834</v>
      </c>
      <c r="D300" s="17" t="s">
        <v>835</v>
      </c>
      <c r="E300" s="18" t="s">
        <v>6</v>
      </c>
      <c r="F300" s="18" t="s">
        <v>22</v>
      </c>
      <c r="G300" s="17" t="s">
        <v>1</v>
      </c>
      <c r="H300" s="18"/>
    </row>
    <row r="301" spans="1:8" ht="40.049999999999997" customHeight="1" x14ac:dyDescent="0.2">
      <c r="A301" s="15" t="s">
        <v>176</v>
      </c>
      <c r="B301" s="16">
        <v>1</v>
      </c>
      <c r="C301" s="17" t="s">
        <v>836</v>
      </c>
      <c r="D301" s="17" t="s">
        <v>837</v>
      </c>
      <c r="E301" s="18" t="s">
        <v>6</v>
      </c>
      <c r="F301" s="18" t="s">
        <v>10</v>
      </c>
      <c r="G301" s="17" t="s">
        <v>1</v>
      </c>
      <c r="H301" s="18"/>
    </row>
    <row r="302" spans="1:8" ht="40.049999999999997" customHeight="1" x14ac:dyDescent="0.2">
      <c r="A302" s="15" t="s">
        <v>176</v>
      </c>
      <c r="B302" s="16">
        <v>2</v>
      </c>
      <c r="C302" s="17" t="s">
        <v>838</v>
      </c>
      <c r="D302" s="17" t="s">
        <v>839</v>
      </c>
      <c r="E302" s="18" t="s">
        <v>6</v>
      </c>
      <c r="F302" s="18" t="s">
        <v>1133</v>
      </c>
      <c r="G302" s="17" t="s">
        <v>1</v>
      </c>
      <c r="H302" s="18"/>
    </row>
    <row r="303" spans="1:8" ht="40.049999999999997" customHeight="1" x14ac:dyDescent="0.2">
      <c r="A303" s="15" t="s">
        <v>176</v>
      </c>
      <c r="B303" s="16">
        <v>3</v>
      </c>
      <c r="C303" s="17" t="s">
        <v>840</v>
      </c>
      <c r="D303" s="17" t="s">
        <v>841</v>
      </c>
      <c r="E303" s="18" t="s">
        <v>6</v>
      </c>
      <c r="F303" s="18" t="s">
        <v>67</v>
      </c>
      <c r="G303" s="17" t="s">
        <v>1</v>
      </c>
      <c r="H303" s="18"/>
    </row>
    <row r="304" spans="1:8" ht="40.049999999999997" customHeight="1" x14ac:dyDescent="0.2">
      <c r="A304" s="15" t="s">
        <v>176</v>
      </c>
      <c r="B304" s="16">
        <v>5</v>
      </c>
      <c r="C304" s="17" t="s">
        <v>842</v>
      </c>
      <c r="D304" s="17" t="s">
        <v>843</v>
      </c>
      <c r="E304" s="18" t="s">
        <v>6</v>
      </c>
      <c r="F304" s="18" t="s">
        <v>242</v>
      </c>
      <c r="G304" s="17" t="s">
        <v>1</v>
      </c>
      <c r="H304" s="18"/>
    </row>
    <row r="305" spans="1:8" ht="40.049999999999997" customHeight="1" x14ac:dyDescent="0.2">
      <c r="A305" s="15" t="s">
        <v>176</v>
      </c>
      <c r="B305" s="16">
        <v>8</v>
      </c>
      <c r="C305" s="17" t="s">
        <v>844</v>
      </c>
      <c r="D305" s="17" t="s">
        <v>845</v>
      </c>
      <c r="E305" s="18" t="s">
        <v>6</v>
      </c>
      <c r="F305" s="18" t="s">
        <v>241</v>
      </c>
      <c r="G305" s="17" t="s">
        <v>1</v>
      </c>
      <c r="H305" s="18"/>
    </row>
    <row r="306" spans="1:8" ht="40.049999999999997" customHeight="1" x14ac:dyDescent="0.2">
      <c r="A306" s="15" t="s">
        <v>176</v>
      </c>
      <c r="B306" s="16">
        <v>9</v>
      </c>
      <c r="C306" s="17" t="s">
        <v>846</v>
      </c>
      <c r="D306" s="17" t="s">
        <v>847</v>
      </c>
      <c r="E306" s="18" t="s">
        <v>6</v>
      </c>
      <c r="F306" s="18" t="s">
        <v>68</v>
      </c>
      <c r="G306" s="17" t="s">
        <v>1</v>
      </c>
      <c r="H306" s="18"/>
    </row>
    <row r="307" spans="1:8" ht="40.049999999999997" customHeight="1" x14ac:dyDescent="0.2">
      <c r="A307" s="15" t="s">
        <v>176</v>
      </c>
      <c r="B307" s="16">
        <v>10</v>
      </c>
      <c r="C307" s="17" t="s">
        <v>848</v>
      </c>
      <c r="D307" s="17" t="s">
        <v>849</v>
      </c>
      <c r="E307" s="18" t="s">
        <v>6</v>
      </c>
      <c r="F307" s="18" t="s">
        <v>67</v>
      </c>
      <c r="G307" s="17" t="s">
        <v>1</v>
      </c>
      <c r="H307" s="18"/>
    </row>
    <row r="308" spans="1:8" ht="40.049999999999997" customHeight="1" x14ac:dyDescent="0.2">
      <c r="A308" s="15" t="s">
        <v>176</v>
      </c>
      <c r="B308" s="16">
        <v>12</v>
      </c>
      <c r="C308" s="17" t="s">
        <v>850</v>
      </c>
      <c r="D308" s="17" t="s">
        <v>851</v>
      </c>
      <c r="E308" s="18" t="s">
        <v>6</v>
      </c>
      <c r="F308" s="18" t="s">
        <v>242</v>
      </c>
      <c r="G308" s="17" t="s">
        <v>1</v>
      </c>
      <c r="H308" s="18"/>
    </row>
    <row r="309" spans="1:8" ht="40.049999999999997" customHeight="1" x14ac:dyDescent="0.2">
      <c r="A309" s="15" t="s">
        <v>176</v>
      </c>
      <c r="B309" s="16">
        <v>13</v>
      </c>
      <c r="C309" s="17" t="s">
        <v>852</v>
      </c>
      <c r="D309" s="17" t="s">
        <v>853</v>
      </c>
      <c r="E309" s="18" t="s">
        <v>6</v>
      </c>
      <c r="F309" s="18" t="s">
        <v>240</v>
      </c>
      <c r="G309" s="17" t="s">
        <v>1</v>
      </c>
      <c r="H309" s="18"/>
    </row>
    <row r="310" spans="1:8" ht="40.049999999999997" customHeight="1" x14ac:dyDescent="0.2">
      <c r="A310" s="15" t="s">
        <v>176</v>
      </c>
      <c r="B310" s="16">
        <v>15</v>
      </c>
      <c r="C310" s="17" t="s">
        <v>854</v>
      </c>
      <c r="D310" s="17" t="s">
        <v>855</v>
      </c>
      <c r="E310" s="18" t="s">
        <v>6</v>
      </c>
      <c r="F310" s="18" t="s">
        <v>1183</v>
      </c>
      <c r="G310" s="17" t="s">
        <v>1</v>
      </c>
      <c r="H310" s="18"/>
    </row>
    <row r="311" spans="1:8" ht="40.049999999999997" customHeight="1" x14ac:dyDescent="0.2">
      <c r="A311" s="15" t="s">
        <v>176</v>
      </c>
      <c r="B311" s="16">
        <v>16</v>
      </c>
      <c r="C311" s="17" t="s">
        <v>856</v>
      </c>
      <c r="D311" s="17" t="s">
        <v>857</v>
      </c>
      <c r="E311" s="18" t="s">
        <v>6</v>
      </c>
      <c r="F311" s="18" t="s">
        <v>66</v>
      </c>
      <c r="G311" s="17" t="s">
        <v>1</v>
      </c>
      <c r="H311" s="18"/>
    </row>
    <row r="312" spans="1:8" ht="40.049999999999997" customHeight="1" x14ac:dyDescent="0.2">
      <c r="A312" s="15" t="s">
        <v>176</v>
      </c>
      <c r="B312" s="16">
        <v>22</v>
      </c>
      <c r="C312" s="17" t="s">
        <v>858</v>
      </c>
      <c r="D312" s="17" t="s">
        <v>859</v>
      </c>
      <c r="E312" s="18" t="s">
        <v>6</v>
      </c>
      <c r="F312" s="18" t="s">
        <v>66</v>
      </c>
      <c r="G312" s="17" t="s">
        <v>1</v>
      </c>
      <c r="H312" s="18"/>
    </row>
    <row r="313" spans="1:8" ht="40.049999999999997" customHeight="1" x14ac:dyDescent="0.2">
      <c r="A313" s="15" t="s">
        <v>176</v>
      </c>
      <c r="B313" s="16">
        <v>23</v>
      </c>
      <c r="C313" s="17" t="s">
        <v>860</v>
      </c>
      <c r="D313" s="17" t="s">
        <v>861</v>
      </c>
      <c r="E313" s="18" t="s">
        <v>6</v>
      </c>
      <c r="F313" s="18" t="s">
        <v>1133</v>
      </c>
      <c r="G313" s="17" t="s">
        <v>1</v>
      </c>
      <c r="H313" s="18"/>
    </row>
    <row r="314" spans="1:8" ht="40.049999999999997" customHeight="1" x14ac:dyDescent="0.2">
      <c r="A314" s="15" t="s">
        <v>176</v>
      </c>
      <c r="B314" s="16">
        <v>24</v>
      </c>
      <c r="C314" s="17" t="s">
        <v>862</v>
      </c>
      <c r="D314" s="17" t="s">
        <v>863</v>
      </c>
      <c r="E314" s="18" t="s">
        <v>6</v>
      </c>
      <c r="F314" s="18" t="s">
        <v>240</v>
      </c>
      <c r="G314" s="17" t="s">
        <v>1</v>
      </c>
      <c r="H314" s="18"/>
    </row>
    <row r="315" spans="1:8" ht="40.049999999999997" customHeight="1" x14ac:dyDescent="0.2">
      <c r="A315" s="15" t="s">
        <v>176</v>
      </c>
      <c r="B315" s="16">
        <v>27</v>
      </c>
      <c r="C315" s="17" t="s">
        <v>864</v>
      </c>
      <c r="D315" s="17" t="s">
        <v>865</v>
      </c>
      <c r="E315" s="18" t="s">
        <v>6</v>
      </c>
      <c r="F315" s="18" t="s">
        <v>1184</v>
      </c>
      <c r="G315" s="17" t="s">
        <v>1</v>
      </c>
      <c r="H315" s="18"/>
    </row>
    <row r="316" spans="1:8" ht="40.049999999999997" customHeight="1" x14ac:dyDescent="0.2">
      <c r="A316" s="15" t="s">
        <v>69</v>
      </c>
      <c r="B316" s="16">
        <v>101</v>
      </c>
      <c r="C316" s="17" t="s">
        <v>866</v>
      </c>
      <c r="D316" s="17" t="s">
        <v>867</v>
      </c>
      <c r="E316" s="18" t="s">
        <v>11</v>
      </c>
      <c r="F316" s="18" t="s">
        <v>1185</v>
      </c>
      <c r="G316" s="17" t="s">
        <v>1</v>
      </c>
      <c r="H316" s="18"/>
    </row>
    <row r="317" spans="1:8" ht="40.049999999999997" customHeight="1" x14ac:dyDescent="0.2">
      <c r="A317" s="15" t="s">
        <v>69</v>
      </c>
      <c r="B317" s="16">
        <v>5</v>
      </c>
      <c r="C317" s="17" t="s">
        <v>868</v>
      </c>
      <c r="D317" s="17" t="s">
        <v>70</v>
      </c>
      <c r="E317" s="18" t="s">
        <v>11</v>
      </c>
      <c r="F317" s="18" t="s">
        <v>1186</v>
      </c>
      <c r="G317" s="17" t="s">
        <v>71</v>
      </c>
      <c r="H317" s="18"/>
    </row>
    <row r="318" spans="1:8" ht="40.049999999999997" customHeight="1" x14ac:dyDescent="0.2">
      <c r="A318" s="15" t="s">
        <v>69</v>
      </c>
      <c r="B318" s="16">
        <v>22</v>
      </c>
      <c r="C318" s="17" t="s">
        <v>869</v>
      </c>
      <c r="D318" s="17" t="s">
        <v>70</v>
      </c>
      <c r="E318" s="18" t="s">
        <v>73</v>
      </c>
      <c r="F318" s="18" t="s">
        <v>78</v>
      </c>
      <c r="G318" s="17" t="s">
        <v>5</v>
      </c>
      <c r="H318" s="18"/>
    </row>
    <row r="319" spans="1:8" ht="40.049999999999997" customHeight="1" x14ac:dyDescent="0.2">
      <c r="A319" s="15" t="s">
        <v>69</v>
      </c>
      <c r="B319" s="16">
        <v>23</v>
      </c>
      <c r="C319" s="17" t="s">
        <v>870</v>
      </c>
      <c r="D319" s="17" t="s">
        <v>871</v>
      </c>
      <c r="E319" s="18" t="s">
        <v>73</v>
      </c>
      <c r="F319" s="18" t="s">
        <v>75</v>
      </c>
      <c r="G319" s="17" t="s">
        <v>71</v>
      </c>
      <c r="H319" s="18"/>
    </row>
    <row r="320" spans="1:8" ht="40.049999999999997" customHeight="1" x14ac:dyDescent="0.2">
      <c r="A320" s="15" t="s">
        <v>69</v>
      </c>
      <c r="B320" s="16">
        <v>25</v>
      </c>
      <c r="C320" s="17" t="s">
        <v>872</v>
      </c>
      <c r="D320" s="17" t="s">
        <v>873</v>
      </c>
      <c r="E320" s="18" t="s">
        <v>11</v>
      </c>
      <c r="F320" s="18" t="s">
        <v>151</v>
      </c>
      <c r="G320" s="17" t="s">
        <v>1</v>
      </c>
      <c r="H320" s="18"/>
    </row>
    <row r="321" spans="1:8" ht="40.049999999999997" customHeight="1" x14ac:dyDescent="0.2">
      <c r="A321" s="15" t="s">
        <v>69</v>
      </c>
      <c r="B321" s="16">
        <v>37</v>
      </c>
      <c r="C321" s="17" t="s">
        <v>874</v>
      </c>
      <c r="D321" s="17" t="s">
        <v>1244</v>
      </c>
      <c r="E321" s="18" t="s">
        <v>76</v>
      </c>
      <c r="F321" s="18" t="s">
        <v>151</v>
      </c>
      <c r="G321" s="17" t="s">
        <v>1</v>
      </c>
      <c r="H321" s="18"/>
    </row>
    <row r="322" spans="1:8" ht="40.049999999999997" customHeight="1" x14ac:dyDescent="0.2">
      <c r="A322" s="15" t="s">
        <v>69</v>
      </c>
      <c r="B322" s="16">
        <v>41</v>
      </c>
      <c r="C322" s="17" t="s">
        <v>875</v>
      </c>
      <c r="D322" s="17" t="s">
        <v>70</v>
      </c>
      <c r="E322" s="18" t="s">
        <v>6</v>
      </c>
      <c r="F322" s="18" t="s">
        <v>1187</v>
      </c>
      <c r="G322" s="17" t="s">
        <v>74</v>
      </c>
      <c r="H322" s="18"/>
    </row>
    <row r="323" spans="1:8" ht="40.049999999999997" customHeight="1" x14ac:dyDescent="0.2">
      <c r="A323" s="15" t="s">
        <v>69</v>
      </c>
      <c r="B323" s="16">
        <v>46</v>
      </c>
      <c r="C323" s="17" t="s">
        <v>876</v>
      </c>
      <c r="D323" s="17" t="s">
        <v>877</v>
      </c>
      <c r="E323" s="18" t="s">
        <v>73</v>
      </c>
      <c r="F323" s="18" t="s">
        <v>263</v>
      </c>
      <c r="G323" s="17" t="s">
        <v>5</v>
      </c>
      <c r="H323" s="18"/>
    </row>
    <row r="324" spans="1:8" ht="40.049999999999997" customHeight="1" x14ac:dyDescent="0.2">
      <c r="A324" s="15" t="s">
        <v>69</v>
      </c>
      <c r="B324" s="16">
        <v>48</v>
      </c>
      <c r="C324" s="17" t="s">
        <v>878</v>
      </c>
      <c r="D324" s="17" t="s">
        <v>126</v>
      </c>
      <c r="E324" s="18" t="s">
        <v>11</v>
      </c>
      <c r="F324" s="18" t="s">
        <v>1188</v>
      </c>
      <c r="G324" s="17" t="s">
        <v>5</v>
      </c>
      <c r="H324" s="18"/>
    </row>
    <row r="325" spans="1:8" ht="40.049999999999997" customHeight="1" x14ac:dyDescent="0.2">
      <c r="A325" s="15" t="s">
        <v>69</v>
      </c>
      <c r="B325" s="16">
        <v>57</v>
      </c>
      <c r="C325" s="17" t="s">
        <v>879</v>
      </c>
      <c r="D325" s="17" t="s">
        <v>1245</v>
      </c>
      <c r="E325" s="18" t="s">
        <v>11</v>
      </c>
      <c r="F325" s="18" t="s">
        <v>151</v>
      </c>
      <c r="G325" s="17" t="s">
        <v>1</v>
      </c>
      <c r="H325" s="18"/>
    </row>
    <row r="326" spans="1:8" ht="40.049999999999997" customHeight="1" x14ac:dyDescent="0.2">
      <c r="A326" s="15" t="s">
        <v>69</v>
      </c>
      <c r="B326" s="16">
        <v>63</v>
      </c>
      <c r="C326" s="17" t="s">
        <v>880</v>
      </c>
      <c r="D326" s="17" t="s">
        <v>70</v>
      </c>
      <c r="E326" s="18" t="s">
        <v>11</v>
      </c>
      <c r="F326" s="18" t="s">
        <v>80</v>
      </c>
      <c r="G326" s="17" t="s">
        <v>1</v>
      </c>
      <c r="H326" s="18"/>
    </row>
    <row r="327" spans="1:8" ht="40.049999999999997" customHeight="1" x14ac:dyDescent="0.2">
      <c r="A327" s="15" t="s">
        <v>69</v>
      </c>
      <c r="B327" s="16">
        <v>65</v>
      </c>
      <c r="C327" s="17" t="s">
        <v>881</v>
      </c>
      <c r="D327" s="17" t="s">
        <v>882</v>
      </c>
      <c r="E327" s="18" t="s">
        <v>11</v>
      </c>
      <c r="F327" s="18" t="s">
        <v>80</v>
      </c>
      <c r="G327" s="17" t="s">
        <v>1</v>
      </c>
      <c r="H327" s="18"/>
    </row>
    <row r="328" spans="1:8" ht="40.049999999999997" customHeight="1" x14ac:dyDescent="0.2">
      <c r="A328" s="15" t="s">
        <v>69</v>
      </c>
      <c r="B328" s="16">
        <v>82</v>
      </c>
      <c r="C328" s="17" t="s">
        <v>883</v>
      </c>
      <c r="D328" s="17" t="s">
        <v>70</v>
      </c>
      <c r="E328" s="18" t="s">
        <v>162</v>
      </c>
      <c r="F328" s="18" t="s">
        <v>1189</v>
      </c>
      <c r="G328" s="17" t="s">
        <v>1</v>
      </c>
      <c r="H328" s="18"/>
    </row>
    <row r="329" spans="1:8" ht="40.049999999999997" customHeight="1" x14ac:dyDescent="0.2">
      <c r="A329" s="15" t="s">
        <v>69</v>
      </c>
      <c r="B329" s="16">
        <v>88</v>
      </c>
      <c r="C329" s="17" t="s">
        <v>884</v>
      </c>
      <c r="D329" s="17" t="s">
        <v>885</v>
      </c>
      <c r="E329" s="18" t="s">
        <v>11</v>
      </c>
      <c r="F329" s="18" t="s">
        <v>245</v>
      </c>
      <c r="G329" s="17" t="s">
        <v>1</v>
      </c>
      <c r="H329" s="18"/>
    </row>
    <row r="330" spans="1:8" ht="40.049999999999997" customHeight="1" x14ac:dyDescent="0.2">
      <c r="A330" s="15" t="s">
        <v>69</v>
      </c>
      <c r="B330" s="16">
        <v>92</v>
      </c>
      <c r="C330" s="17" t="s">
        <v>886</v>
      </c>
      <c r="D330" s="17" t="s">
        <v>887</v>
      </c>
      <c r="E330" s="18" t="s">
        <v>73</v>
      </c>
      <c r="F330" s="18" t="s">
        <v>75</v>
      </c>
      <c r="G330" s="17" t="s">
        <v>71</v>
      </c>
      <c r="H330" s="18"/>
    </row>
    <row r="331" spans="1:8" ht="40.049999999999997" customHeight="1" x14ac:dyDescent="0.2">
      <c r="A331" s="15" t="s">
        <v>69</v>
      </c>
      <c r="B331" s="16">
        <v>93</v>
      </c>
      <c r="C331" s="17" t="s">
        <v>888</v>
      </c>
      <c r="D331" s="17" t="s">
        <v>889</v>
      </c>
      <c r="E331" s="18" t="s">
        <v>11</v>
      </c>
      <c r="F331" s="18" t="s">
        <v>1190</v>
      </c>
      <c r="G331" s="17" t="s">
        <v>1</v>
      </c>
      <c r="H331" s="18"/>
    </row>
    <row r="332" spans="1:8" ht="40.049999999999997" customHeight="1" x14ac:dyDescent="0.2">
      <c r="A332" s="15" t="s">
        <v>69</v>
      </c>
      <c r="B332" s="16">
        <v>94</v>
      </c>
      <c r="C332" s="17" t="s">
        <v>179</v>
      </c>
      <c r="D332" s="17" t="s">
        <v>70</v>
      </c>
      <c r="E332" s="18" t="s">
        <v>73</v>
      </c>
      <c r="F332" s="18" t="s">
        <v>246</v>
      </c>
      <c r="G332" s="17" t="s">
        <v>1</v>
      </c>
      <c r="H332" s="18"/>
    </row>
    <row r="333" spans="1:8" ht="40.049999999999997" customHeight="1" x14ac:dyDescent="0.2">
      <c r="A333" s="15" t="s">
        <v>69</v>
      </c>
      <c r="B333" s="16">
        <v>110</v>
      </c>
      <c r="C333" s="17" t="s">
        <v>890</v>
      </c>
      <c r="D333" s="17" t="s">
        <v>891</v>
      </c>
      <c r="E333" s="18" t="s">
        <v>11</v>
      </c>
      <c r="F333" s="18" t="s">
        <v>80</v>
      </c>
      <c r="G333" s="17" t="s">
        <v>1</v>
      </c>
      <c r="H333" s="18"/>
    </row>
    <row r="334" spans="1:8" ht="40.049999999999997" customHeight="1" x14ac:dyDescent="0.2">
      <c r="A334" s="15" t="s">
        <v>69</v>
      </c>
      <c r="B334" s="16">
        <v>111</v>
      </c>
      <c r="C334" s="17" t="s">
        <v>892</v>
      </c>
      <c r="D334" s="17" t="s">
        <v>70</v>
      </c>
      <c r="E334" s="18" t="s">
        <v>73</v>
      </c>
      <c r="F334" s="18" t="s">
        <v>77</v>
      </c>
      <c r="G334" s="17" t="s">
        <v>74</v>
      </c>
      <c r="H334" s="18"/>
    </row>
    <row r="335" spans="1:8" ht="40.049999999999997" customHeight="1" x14ac:dyDescent="0.2">
      <c r="A335" s="15" t="s">
        <v>69</v>
      </c>
      <c r="B335" s="16">
        <v>112</v>
      </c>
      <c r="C335" s="17" t="s">
        <v>893</v>
      </c>
      <c r="D335" s="17" t="s">
        <v>894</v>
      </c>
      <c r="E335" s="18" t="s">
        <v>11</v>
      </c>
      <c r="F335" s="18" t="s">
        <v>149</v>
      </c>
      <c r="G335" s="17" t="s">
        <v>5</v>
      </c>
      <c r="H335" s="18"/>
    </row>
    <row r="336" spans="1:8" ht="40.049999999999997" customHeight="1" x14ac:dyDescent="0.2">
      <c r="A336" s="15" t="s">
        <v>69</v>
      </c>
      <c r="B336" s="16">
        <v>114</v>
      </c>
      <c r="C336" s="17" t="s">
        <v>895</v>
      </c>
      <c r="D336" s="17" t="s">
        <v>877</v>
      </c>
      <c r="E336" s="18" t="s">
        <v>11</v>
      </c>
      <c r="F336" s="18" t="s">
        <v>1191</v>
      </c>
      <c r="G336" s="17" t="s">
        <v>1</v>
      </c>
      <c r="H336" s="18"/>
    </row>
    <row r="337" spans="1:8" ht="40.049999999999997" customHeight="1" x14ac:dyDescent="0.2">
      <c r="A337" s="15" t="s">
        <v>69</v>
      </c>
      <c r="B337" s="16">
        <v>116</v>
      </c>
      <c r="C337" s="17" t="s">
        <v>896</v>
      </c>
      <c r="D337" s="17" t="s">
        <v>897</v>
      </c>
      <c r="E337" s="18" t="s">
        <v>11</v>
      </c>
      <c r="F337" s="18" t="s">
        <v>151</v>
      </c>
      <c r="G337" s="17" t="s">
        <v>1</v>
      </c>
      <c r="H337" s="18"/>
    </row>
    <row r="338" spans="1:8" ht="40.049999999999997" customHeight="1" x14ac:dyDescent="0.2">
      <c r="A338" s="15" t="s">
        <v>69</v>
      </c>
      <c r="B338" s="16">
        <v>119</v>
      </c>
      <c r="C338" s="17" t="s">
        <v>898</v>
      </c>
      <c r="D338" s="17" t="s">
        <v>899</v>
      </c>
      <c r="E338" s="18" t="s">
        <v>11</v>
      </c>
      <c r="F338" s="18" t="s">
        <v>154</v>
      </c>
      <c r="G338" s="17" t="s">
        <v>71</v>
      </c>
      <c r="H338" s="18"/>
    </row>
    <row r="339" spans="1:8" ht="40.049999999999997" customHeight="1" x14ac:dyDescent="0.2">
      <c r="A339" s="15" t="s">
        <v>69</v>
      </c>
      <c r="B339" s="16">
        <v>126</v>
      </c>
      <c r="C339" s="17" t="s">
        <v>900</v>
      </c>
      <c r="D339" s="17" t="s">
        <v>901</v>
      </c>
      <c r="E339" s="18" t="s">
        <v>11</v>
      </c>
      <c r="F339" s="18" t="s">
        <v>1192</v>
      </c>
      <c r="G339" s="17" t="s">
        <v>1</v>
      </c>
      <c r="H339" s="18"/>
    </row>
    <row r="340" spans="1:8" ht="40.049999999999997" customHeight="1" x14ac:dyDescent="0.2">
      <c r="A340" s="15" t="s">
        <v>69</v>
      </c>
      <c r="B340" s="16">
        <v>128</v>
      </c>
      <c r="C340" s="17" t="s">
        <v>902</v>
      </c>
      <c r="D340" s="17" t="s">
        <v>903</v>
      </c>
      <c r="E340" s="18" t="s">
        <v>11</v>
      </c>
      <c r="F340" s="18" t="s">
        <v>151</v>
      </c>
      <c r="G340" s="17" t="s">
        <v>1</v>
      </c>
      <c r="H340" s="18"/>
    </row>
    <row r="341" spans="1:8" ht="40.049999999999997" customHeight="1" x14ac:dyDescent="0.2">
      <c r="A341" s="15" t="s">
        <v>69</v>
      </c>
      <c r="B341" s="16">
        <v>131</v>
      </c>
      <c r="C341" s="17" t="s">
        <v>904</v>
      </c>
      <c r="D341" s="17" t="s">
        <v>905</v>
      </c>
      <c r="E341" s="18" t="s">
        <v>76</v>
      </c>
      <c r="F341" s="18" t="s">
        <v>255</v>
      </c>
      <c r="G341" s="17" t="s">
        <v>265</v>
      </c>
      <c r="H341" s="18"/>
    </row>
    <row r="342" spans="1:8" ht="40.049999999999997" customHeight="1" x14ac:dyDescent="0.2">
      <c r="A342" s="15" t="s">
        <v>69</v>
      </c>
      <c r="B342" s="16">
        <v>132</v>
      </c>
      <c r="C342" s="17" t="s">
        <v>906</v>
      </c>
      <c r="D342" s="17" t="s">
        <v>907</v>
      </c>
      <c r="E342" s="18" t="s">
        <v>11</v>
      </c>
      <c r="F342" s="18" t="s">
        <v>150</v>
      </c>
      <c r="G342" s="17" t="s">
        <v>1</v>
      </c>
      <c r="H342" s="18"/>
    </row>
    <row r="343" spans="1:8" ht="40.049999999999997" customHeight="1" x14ac:dyDescent="0.2">
      <c r="A343" s="15" t="s">
        <v>69</v>
      </c>
      <c r="B343" s="16">
        <v>135</v>
      </c>
      <c r="C343" s="17" t="s">
        <v>908</v>
      </c>
      <c r="D343" s="17" t="s">
        <v>909</v>
      </c>
      <c r="E343" s="18" t="s">
        <v>76</v>
      </c>
      <c r="F343" s="18" t="s">
        <v>151</v>
      </c>
      <c r="G343" s="17" t="s">
        <v>1</v>
      </c>
      <c r="H343" s="18"/>
    </row>
    <row r="344" spans="1:8" ht="40.049999999999997" customHeight="1" x14ac:dyDescent="0.2">
      <c r="A344" s="15" t="s">
        <v>69</v>
      </c>
      <c r="B344" s="16">
        <v>136</v>
      </c>
      <c r="C344" s="17" t="s">
        <v>910</v>
      </c>
      <c r="D344" s="17" t="s">
        <v>911</v>
      </c>
      <c r="E344" s="18" t="s">
        <v>11</v>
      </c>
      <c r="F344" s="18" t="s">
        <v>1193</v>
      </c>
      <c r="G344" s="17" t="s">
        <v>1</v>
      </c>
      <c r="H344" s="18"/>
    </row>
    <row r="345" spans="1:8" ht="40.049999999999997" customHeight="1" x14ac:dyDescent="0.2">
      <c r="A345" s="15" t="s">
        <v>69</v>
      </c>
      <c r="B345" s="16">
        <v>138</v>
      </c>
      <c r="C345" s="17" t="s">
        <v>912</v>
      </c>
      <c r="D345" s="17" t="s">
        <v>913</v>
      </c>
      <c r="E345" s="18" t="s">
        <v>11</v>
      </c>
      <c r="F345" s="18" t="s">
        <v>244</v>
      </c>
      <c r="G345" s="17" t="s">
        <v>1</v>
      </c>
      <c r="H345" s="18"/>
    </row>
    <row r="346" spans="1:8" ht="40.049999999999997" customHeight="1" x14ac:dyDescent="0.2">
      <c r="A346" s="15" t="s">
        <v>69</v>
      </c>
      <c r="B346" s="16">
        <v>140</v>
      </c>
      <c r="C346" s="17" t="s">
        <v>914</v>
      </c>
      <c r="D346" s="17" t="s">
        <v>897</v>
      </c>
      <c r="E346" s="18" t="s">
        <v>162</v>
      </c>
      <c r="F346" s="18" t="s">
        <v>250</v>
      </c>
      <c r="G346" s="17" t="s">
        <v>1</v>
      </c>
      <c r="H346" s="18"/>
    </row>
    <row r="347" spans="1:8" ht="40.049999999999997" customHeight="1" x14ac:dyDescent="0.2">
      <c r="A347" s="15" t="s">
        <v>69</v>
      </c>
      <c r="B347" s="16">
        <v>142</v>
      </c>
      <c r="C347" s="17" t="s">
        <v>915</v>
      </c>
      <c r="D347" s="17" t="s">
        <v>916</v>
      </c>
      <c r="E347" s="18" t="s">
        <v>11</v>
      </c>
      <c r="F347" s="18" t="s">
        <v>81</v>
      </c>
      <c r="G347" s="17" t="s">
        <v>1</v>
      </c>
      <c r="H347" s="18"/>
    </row>
    <row r="348" spans="1:8" ht="40.049999999999997" customHeight="1" x14ac:dyDescent="0.2">
      <c r="A348" s="15" t="s">
        <v>69</v>
      </c>
      <c r="B348" s="16">
        <v>143</v>
      </c>
      <c r="C348" s="17" t="s">
        <v>917</v>
      </c>
      <c r="D348" s="17" t="s">
        <v>918</v>
      </c>
      <c r="E348" s="18" t="s">
        <v>11</v>
      </c>
      <c r="F348" s="18" t="s">
        <v>81</v>
      </c>
      <c r="G348" s="17" t="s">
        <v>1</v>
      </c>
      <c r="H348" s="18"/>
    </row>
    <row r="349" spans="1:8" ht="40.049999999999997" customHeight="1" x14ac:dyDescent="0.2">
      <c r="A349" s="15" t="s">
        <v>69</v>
      </c>
      <c r="B349" s="16">
        <v>145</v>
      </c>
      <c r="C349" s="17" t="s">
        <v>919</v>
      </c>
      <c r="D349" s="17" t="s">
        <v>920</v>
      </c>
      <c r="E349" s="18" t="s">
        <v>11</v>
      </c>
      <c r="F349" s="18" t="s">
        <v>81</v>
      </c>
      <c r="G349" s="17" t="s">
        <v>1</v>
      </c>
      <c r="H349" s="18"/>
    </row>
    <row r="350" spans="1:8" ht="40.049999999999997" customHeight="1" x14ac:dyDescent="0.2">
      <c r="A350" s="15" t="s">
        <v>69</v>
      </c>
      <c r="B350" s="16">
        <v>146</v>
      </c>
      <c r="C350" s="17" t="s">
        <v>921</v>
      </c>
      <c r="D350" s="17" t="s">
        <v>922</v>
      </c>
      <c r="E350" s="18" t="s">
        <v>4</v>
      </c>
      <c r="F350" s="18" t="s">
        <v>63</v>
      </c>
      <c r="G350" s="17" t="s">
        <v>1</v>
      </c>
      <c r="H350" s="18"/>
    </row>
    <row r="351" spans="1:8" ht="40.049999999999997" customHeight="1" x14ac:dyDescent="0.2">
      <c r="A351" s="15" t="s">
        <v>69</v>
      </c>
      <c r="B351" s="16">
        <v>1</v>
      </c>
      <c r="C351" s="17" t="s">
        <v>120</v>
      </c>
      <c r="D351" s="17" t="s">
        <v>70</v>
      </c>
      <c r="E351" s="18" t="s">
        <v>73</v>
      </c>
      <c r="F351" s="18" t="s">
        <v>153</v>
      </c>
      <c r="G351" s="17" t="s">
        <v>74</v>
      </c>
      <c r="H351" s="18"/>
    </row>
    <row r="352" spans="1:8" ht="40.049999999999997" customHeight="1" x14ac:dyDescent="0.2">
      <c r="A352" s="15" t="s">
        <v>69</v>
      </c>
      <c r="B352" s="16">
        <v>7</v>
      </c>
      <c r="C352" s="17" t="s">
        <v>923</v>
      </c>
      <c r="D352" s="17" t="s">
        <v>70</v>
      </c>
      <c r="E352" s="18" t="s">
        <v>11</v>
      </c>
      <c r="F352" s="18" t="s">
        <v>244</v>
      </c>
      <c r="G352" s="17" t="s">
        <v>1</v>
      </c>
      <c r="H352" s="18"/>
    </row>
    <row r="353" spans="1:8" ht="40.049999999999997" customHeight="1" x14ac:dyDescent="0.2">
      <c r="A353" s="15" t="s">
        <v>69</v>
      </c>
      <c r="B353" s="16">
        <v>8</v>
      </c>
      <c r="C353" s="17" t="s">
        <v>924</v>
      </c>
      <c r="D353" s="17" t="s">
        <v>925</v>
      </c>
      <c r="E353" s="18" t="s">
        <v>11</v>
      </c>
      <c r="F353" s="18" t="s">
        <v>1194</v>
      </c>
      <c r="G353" s="17" t="s">
        <v>1</v>
      </c>
      <c r="H353" s="18"/>
    </row>
    <row r="354" spans="1:8" ht="40.049999999999997" customHeight="1" x14ac:dyDescent="0.2">
      <c r="A354" s="15" t="s">
        <v>69</v>
      </c>
      <c r="B354" s="16">
        <v>14</v>
      </c>
      <c r="C354" s="17" t="s">
        <v>926</v>
      </c>
      <c r="D354" s="17" t="s">
        <v>927</v>
      </c>
      <c r="E354" s="18" t="s">
        <v>11</v>
      </c>
      <c r="F354" s="18" t="s">
        <v>79</v>
      </c>
      <c r="G354" s="17" t="s">
        <v>1</v>
      </c>
      <c r="H354" s="18"/>
    </row>
    <row r="355" spans="1:8" ht="40.049999999999997" customHeight="1" x14ac:dyDescent="0.2">
      <c r="A355" s="15" t="s">
        <v>69</v>
      </c>
      <c r="B355" s="16">
        <v>15</v>
      </c>
      <c r="C355" s="17" t="s">
        <v>928</v>
      </c>
      <c r="D355" s="17" t="s">
        <v>929</v>
      </c>
      <c r="E355" s="18" t="s">
        <v>11</v>
      </c>
      <c r="F355" s="18" t="s">
        <v>81</v>
      </c>
      <c r="G355" s="17" t="s">
        <v>1</v>
      </c>
      <c r="H355" s="18"/>
    </row>
    <row r="356" spans="1:8" ht="40.049999999999997" customHeight="1" x14ac:dyDescent="0.2">
      <c r="A356" s="15" t="s">
        <v>69</v>
      </c>
      <c r="B356" s="16">
        <v>16</v>
      </c>
      <c r="C356" s="17" t="s">
        <v>930</v>
      </c>
      <c r="D356" s="17" t="s">
        <v>931</v>
      </c>
      <c r="E356" s="18" t="s">
        <v>11</v>
      </c>
      <c r="F356" s="18" t="s">
        <v>1195</v>
      </c>
      <c r="G356" s="17" t="s">
        <v>1</v>
      </c>
      <c r="H356" s="18"/>
    </row>
    <row r="357" spans="1:8" ht="40.049999999999997" customHeight="1" x14ac:dyDescent="0.2">
      <c r="A357" s="15" t="s">
        <v>69</v>
      </c>
      <c r="B357" s="16">
        <v>21</v>
      </c>
      <c r="C357" s="17" t="s">
        <v>932</v>
      </c>
      <c r="D357" s="17" t="s">
        <v>933</v>
      </c>
      <c r="E357" s="18" t="s">
        <v>11</v>
      </c>
      <c r="F357" s="18" t="s">
        <v>1196</v>
      </c>
      <c r="G357" s="17" t="s">
        <v>1</v>
      </c>
      <c r="H357" s="18"/>
    </row>
    <row r="358" spans="1:8" ht="40.049999999999997" customHeight="1" x14ac:dyDescent="0.2">
      <c r="A358" s="15" t="s">
        <v>69</v>
      </c>
      <c r="B358" s="16">
        <v>26</v>
      </c>
      <c r="C358" s="17" t="s">
        <v>934</v>
      </c>
      <c r="D358" s="17" t="s">
        <v>925</v>
      </c>
      <c r="E358" s="18" t="s">
        <v>11</v>
      </c>
      <c r="F358" s="18" t="s">
        <v>80</v>
      </c>
      <c r="G358" s="17" t="s">
        <v>1</v>
      </c>
      <c r="H358" s="18"/>
    </row>
    <row r="359" spans="1:8" ht="40.049999999999997" customHeight="1" x14ac:dyDescent="0.2">
      <c r="A359" s="15" t="s">
        <v>69</v>
      </c>
      <c r="B359" s="16">
        <v>27</v>
      </c>
      <c r="C359" s="17" t="s">
        <v>935</v>
      </c>
      <c r="D359" s="17" t="s">
        <v>936</v>
      </c>
      <c r="E359" s="18" t="s">
        <v>11</v>
      </c>
      <c r="F359" s="18" t="s">
        <v>79</v>
      </c>
      <c r="G359" s="17" t="s">
        <v>1</v>
      </c>
      <c r="H359" s="18"/>
    </row>
    <row r="360" spans="1:8" ht="40.049999999999997" customHeight="1" x14ac:dyDescent="0.2">
      <c r="A360" s="15" t="s">
        <v>69</v>
      </c>
      <c r="B360" s="16">
        <v>28</v>
      </c>
      <c r="C360" s="17" t="s">
        <v>937</v>
      </c>
      <c r="D360" s="17" t="s">
        <v>1246</v>
      </c>
      <c r="E360" s="18" t="s">
        <v>76</v>
      </c>
      <c r="F360" s="18" t="s">
        <v>151</v>
      </c>
      <c r="G360" s="17" t="s">
        <v>1</v>
      </c>
      <c r="H360" s="18"/>
    </row>
    <row r="361" spans="1:8" ht="40.049999999999997" customHeight="1" x14ac:dyDescent="0.2">
      <c r="A361" s="15" t="s">
        <v>69</v>
      </c>
      <c r="B361" s="16">
        <v>32</v>
      </c>
      <c r="C361" s="17" t="s">
        <v>938</v>
      </c>
      <c r="D361" s="17" t="s">
        <v>939</v>
      </c>
      <c r="E361" s="18" t="s">
        <v>11</v>
      </c>
      <c r="F361" s="18" t="s">
        <v>1197</v>
      </c>
      <c r="G361" s="17" t="s">
        <v>1</v>
      </c>
      <c r="H361" s="18"/>
    </row>
    <row r="362" spans="1:8" ht="40.049999999999997" customHeight="1" x14ac:dyDescent="0.2">
      <c r="A362" s="15" t="s">
        <v>69</v>
      </c>
      <c r="B362" s="16">
        <v>33</v>
      </c>
      <c r="C362" s="17" t="s">
        <v>940</v>
      </c>
      <c r="D362" s="17" t="s">
        <v>941</v>
      </c>
      <c r="E362" s="18" t="s">
        <v>11</v>
      </c>
      <c r="F362" s="18" t="s">
        <v>1188</v>
      </c>
      <c r="G362" s="17" t="s">
        <v>5</v>
      </c>
      <c r="H362" s="18"/>
    </row>
    <row r="363" spans="1:8" ht="40.049999999999997" customHeight="1" x14ac:dyDescent="0.2">
      <c r="A363" s="15" t="s">
        <v>69</v>
      </c>
      <c r="B363" s="16">
        <v>35</v>
      </c>
      <c r="C363" s="17" t="s">
        <v>942</v>
      </c>
      <c r="D363" s="17" t="s">
        <v>943</v>
      </c>
      <c r="E363" s="18" t="s">
        <v>11</v>
      </c>
      <c r="F363" s="18" t="s">
        <v>1195</v>
      </c>
      <c r="G363" s="17" t="s">
        <v>1</v>
      </c>
      <c r="H363" s="18"/>
    </row>
    <row r="364" spans="1:8" ht="40.049999999999997" customHeight="1" x14ac:dyDescent="0.2">
      <c r="A364" s="15" t="s">
        <v>69</v>
      </c>
      <c r="B364" s="16">
        <v>36</v>
      </c>
      <c r="C364" s="17" t="s">
        <v>944</v>
      </c>
      <c r="D364" s="17" t="s">
        <v>945</v>
      </c>
      <c r="E364" s="18" t="s">
        <v>73</v>
      </c>
      <c r="F364" s="18" t="s">
        <v>154</v>
      </c>
      <c r="G364" s="17" t="s">
        <v>71</v>
      </c>
      <c r="H364" s="18"/>
    </row>
    <row r="365" spans="1:8" ht="40.049999999999997" customHeight="1" x14ac:dyDescent="0.2">
      <c r="A365" s="15" t="s">
        <v>69</v>
      </c>
      <c r="B365" s="16">
        <v>39</v>
      </c>
      <c r="C365" s="17" t="s">
        <v>946</v>
      </c>
      <c r="D365" s="17" t="s">
        <v>70</v>
      </c>
      <c r="E365" s="18" t="s">
        <v>73</v>
      </c>
      <c r="F365" s="18" t="s">
        <v>1198</v>
      </c>
      <c r="G365" s="17" t="s">
        <v>1</v>
      </c>
      <c r="H365" s="18"/>
    </row>
    <row r="366" spans="1:8" ht="40.049999999999997" customHeight="1" x14ac:dyDescent="0.2">
      <c r="A366" s="15" t="s">
        <v>69</v>
      </c>
      <c r="B366" s="16">
        <v>42</v>
      </c>
      <c r="C366" s="17" t="s">
        <v>947</v>
      </c>
      <c r="D366" s="17" t="s">
        <v>948</v>
      </c>
      <c r="E366" s="18" t="s">
        <v>11</v>
      </c>
      <c r="F366" s="18" t="s">
        <v>253</v>
      </c>
      <c r="G366" s="17" t="s">
        <v>86</v>
      </c>
      <c r="H366" s="18"/>
    </row>
    <row r="367" spans="1:8" ht="40.049999999999997" customHeight="1" x14ac:dyDescent="0.2">
      <c r="A367" s="15" t="s">
        <v>69</v>
      </c>
      <c r="B367" s="16">
        <v>43</v>
      </c>
      <c r="C367" s="17" t="s">
        <v>949</v>
      </c>
      <c r="D367" s="17" t="s">
        <v>70</v>
      </c>
      <c r="E367" s="18" t="s">
        <v>11</v>
      </c>
      <c r="F367" s="18" t="s">
        <v>1199</v>
      </c>
      <c r="G367" s="17" t="s">
        <v>71</v>
      </c>
      <c r="H367" s="18"/>
    </row>
    <row r="368" spans="1:8" ht="40.049999999999997" customHeight="1" x14ac:dyDescent="0.2">
      <c r="A368" s="15" t="s">
        <v>69</v>
      </c>
      <c r="B368" s="16">
        <v>47</v>
      </c>
      <c r="C368" s="17" t="s">
        <v>950</v>
      </c>
      <c r="D368" s="17" t="s">
        <v>951</v>
      </c>
      <c r="E368" s="18" t="s">
        <v>73</v>
      </c>
      <c r="F368" s="18" t="s">
        <v>263</v>
      </c>
      <c r="G368" s="17" t="s">
        <v>5</v>
      </c>
      <c r="H368" s="18"/>
    </row>
    <row r="369" spans="1:8" ht="40.049999999999997" customHeight="1" x14ac:dyDescent="0.2">
      <c r="A369" s="15" t="s">
        <v>69</v>
      </c>
      <c r="B369" s="16">
        <v>49</v>
      </c>
      <c r="C369" s="17" t="s">
        <v>952</v>
      </c>
      <c r="D369" s="17" t="s">
        <v>70</v>
      </c>
      <c r="E369" s="18" t="s">
        <v>6</v>
      </c>
      <c r="F369" s="18" t="s">
        <v>155</v>
      </c>
      <c r="G369" s="17" t="s">
        <v>1</v>
      </c>
      <c r="H369" s="18"/>
    </row>
    <row r="370" spans="1:8" ht="40.049999999999997" customHeight="1" x14ac:dyDescent="0.2">
      <c r="A370" s="15" t="s">
        <v>69</v>
      </c>
      <c r="B370" s="16">
        <v>52</v>
      </c>
      <c r="C370" s="17" t="s">
        <v>953</v>
      </c>
      <c r="D370" s="17" t="s">
        <v>70</v>
      </c>
      <c r="E370" s="18" t="s">
        <v>30</v>
      </c>
      <c r="F370" s="18" t="s">
        <v>1200</v>
      </c>
      <c r="G370" s="17" t="s">
        <v>1</v>
      </c>
      <c r="H370" s="18"/>
    </row>
    <row r="371" spans="1:8" ht="40.049999999999997" customHeight="1" x14ac:dyDescent="0.2">
      <c r="A371" s="15" t="s">
        <v>69</v>
      </c>
      <c r="B371" s="16">
        <v>58</v>
      </c>
      <c r="C371" s="17" t="s">
        <v>954</v>
      </c>
      <c r="D371" s="17" t="s">
        <v>955</v>
      </c>
      <c r="E371" s="18" t="s">
        <v>11</v>
      </c>
      <c r="F371" s="18" t="s">
        <v>79</v>
      </c>
      <c r="G371" s="17" t="s">
        <v>1</v>
      </c>
      <c r="H371" s="18"/>
    </row>
    <row r="372" spans="1:8" ht="40.049999999999997" customHeight="1" x14ac:dyDescent="0.2">
      <c r="A372" s="15" t="s">
        <v>69</v>
      </c>
      <c r="B372" s="16">
        <v>59</v>
      </c>
      <c r="C372" s="17" t="s">
        <v>956</v>
      </c>
      <c r="D372" s="17" t="s">
        <v>957</v>
      </c>
      <c r="E372" s="18" t="s">
        <v>11</v>
      </c>
      <c r="F372" s="18" t="s">
        <v>1201</v>
      </c>
      <c r="G372" s="17" t="s">
        <v>1</v>
      </c>
      <c r="H372" s="18"/>
    </row>
    <row r="373" spans="1:8" ht="40.049999999999997" customHeight="1" x14ac:dyDescent="0.2">
      <c r="A373" s="15" t="s">
        <v>69</v>
      </c>
      <c r="B373" s="16">
        <v>64</v>
      </c>
      <c r="C373" s="17" t="s">
        <v>958</v>
      </c>
      <c r="D373" s="17" t="s">
        <v>70</v>
      </c>
      <c r="E373" s="18" t="s">
        <v>11</v>
      </c>
      <c r="F373" s="18" t="s">
        <v>80</v>
      </c>
      <c r="G373" s="17" t="s">
        <v>1</v>
      </c>
      <c r="H373" s="18"/>
    </row>
    <row r="374" spans="1:8" ht="40.049999999999997" customHeight="1" x14ac:dyDescent="0.2">
      <c r="A374" s="15" t="s">
        <v>69</v>
      </c>
      <c r="B374" s="16">
        <v>66</v>
      </c>
      <c r="C374" s="17" t="s">
        <v>959</v>
      </c>
      <c r="D374" s="17" t="s">
        <v>70</v>
      </c>
      <c r="E374" s="18" t="s">
        <v>73</v>
      </c>
      <c r="F374" s="18" t="s">
        <v>247</v>
      </c>
      <c r="G374" s="17" t="s">
        <v>74</v>
      </c>
      <c r="H374" s="18"/>
    </row>
    <row r="375" spans="1:8" ht="40.049999999999997" customHeight="1" x14ac:dyDescent="0.2">
      <c r="A375" s="15" t="s">
        <v>69</v>
      </c>
      <c r="B375" s="16">
        <v>68</v>
      </c>
      <c r="C375" s="17" t="s">
        <v>180</v>
      </c>
      <c r="D375" s="17" t="s">
        <v>70</v>
      </c>
      <c r="E375" s="18" t="s">
        <v>4</v>
      </c>
      <c r="F375" s="18" t="s">
        <v>1202</v>
      </c>
      <c r="G375" s="17" t="s">
        <v>1</v>
      </c>
      <c r="H375" s="18"/>
    </row>
    <row r="376" spans="1:8" ht="40.049999999999997" customHeight="1" x14ac:dyDescent="0.2">
      <c r="A376" s="15" t="s">
        <v>69</v>
      </c>
      <c r="B376" s="16">
        <v>72</v>
      </c>
      <c r="C376" s="17" t="s">
        <v>960</v>
      </c>
      <c r="D376" s="17" t="s">
        <v>961</v>
      </c>
      <c r="E376" s="18" t="s">
        <v>30</v>
      </c>
      <c r="F376" s="18" t="s">
        <v>63</v>
      </c>
      <c r="G376" s="17" t="s">
        <v>1</v>
      </c>
      <c r="H376" s="18"/>
    </row>
    <row r="377" spans="1:8" ht="40.049999999999997" customHeight="1" x14ac:dyDescent="0.2">
      <c r="A377" s="15" t="s">
        <v>69</v>
      </c>
      <c r="B377" s="16">
        <v>77</v>
      </c>
      <c r="C377" s="17" t="s">
        <v>962</v>
      </c>
      <c r="D377" s="17" t="s">
        <v>963</v>
      </c>
      <c r="E377" s="18" t="s">
        <v>11</v>
      </c>
      <c r="F377" s="18" t="s">
        <v>81</v>
      </c>
      <c r="G377" s="17" t="s">
        <v>1</v>
      </c>
      <c r="H377" s="18"/>
    </row>
    <row r="378" spans="1:8" ht="40.049999999999997" customHeight="1" x14ac:dyDescent="0.2">
      <c r="A378" s="15" t="s">
        <v>69</v>
      </c>
      <c r="B378" s="16">
        <v>78</v>
      </c>
      <c r="C378" s="17" t="s">
        <v>964</v>
      </c>
      <c r="D378" s="17" t="s">
        <v>965</v>
      </c>
      <c r="E378" s="18" t="s">
        <v>73</v>
      </c>
      <c r="F378" s="18" t="s">
        <v>153</v>
      </c>
      <c r="G378" s="17" t="s">
        <v>74</v>
      </c>
      <c r="H378" s="18"/>
    </row>
    <row r="379" spans="1:8" ht="40.049999999999997" customHeight="1" x14ac:dyDescent="0.2">
      <c r="A379" s="15" t="s">
        <v>69</v>
      </c>
      <c r="B379" s="16">
        <v>85</v>
      </c>
      <c r="C379" s="17" t="s">
        <v>966</v>
      </c>
      <c r="D379" s="17" t="s">
        <v>967</v>
      </c>
      <c r="E379" s="18" t="s">
        <v>162</v>
      </c>
      <c r="F379" s="18" t="s">
        <v>1203</v>
      </c>
      <c r="G379" s="17" t="s">
        <v>1</v>
      </c>
      <c r="H379" s="18"/>
    </row>
    <row r="380" spans="1:8" ht="40.049999999999997" customHeight="1" x14ac:dyDescent="0.2">
      <c r="A380" s="15" t="s">
        <v>69</v>
      </c>
      <c r="B380" s="16">
        <v>91</v>
      </c>
      <c r="C380" s="17" t="s">
        <v>968</v>
      </c>
      <c r="D380" s="17" t="s">
        <v>70</v>
      </c>
      <c r="E380" s="18" t="s">
        <v>30</v>
      </c>
      <c r="F380" s="18" t="s">
        <v>1202</v>
      </c>
      <c r="G380" s="17" t="s">
        <v>1</v>
      </c>
      <c r="H380" s="18"/>
    </row>
    <row r="381" spans="1:8" ht="40.049999999999997" customHeight="1" x14ac:dyDescent="0.2">
      <c r="A381" s="15" t="s">
        <v>69</v>
      </c>
      <c r="B381" s="16">
        <v>97</v>
      </c>
      <c r="C381" s="17" t="s">
        <v>969</v>
      </c>
      <c r="D381" s="17" t="s">
        <v>70</v>
      </c>
      <c r="E381" s="18" t="s">
        <v>73</v>
      </c>
      <c r="F381" s="18" t="s">
        <v>1204</v>
      </c>
      <c r="G381" s="17" t="s">
        <v>1205</v>
      </c>
      <c r="H381" s="18"/>
    </row>
    <row r="382" spans="1:8" ht="40.049999999999997" customHeight="1" x14ac:dyDescent="0.2">
      <c r="A382" s="15" t="s">
        <v>69</v>
      </c>
      <c r="B382" s="16">
        <v>99</v>
      </c>
      <c r="C382" s="17" t="s">
        <v>970</v>
      </c>
      <c r="D382" s="17" t="s">
        <v>70</v>
      </c>
      <c r="E382" s="18" t="s">
        <v>11</v>
      </c>
      <c r="F382" s="18" t="s">
        <v>1197</v>
      </c>
      <c r="G382" s="17" t="s">
        <v>1</v>
      </c>
      <c r="H382" s="18"/>
    </row>
    <row r="383" spans="1:8" ht="40.049999999999997" customHeight="1" x14ac:dyDescent="0.2">
      <c r="A383" s="15" t="s">
        <v>69</v>
      </c>
      <c r="B383" s="16">
        <v>148</v>
      </c>
      <c r="C383" s="17" t="s">
        <v>971</v>
      </c>
      <c r="D383" s="17" t="s">
        <v>70</v>
      </c>
      <c r="E383" s="18" t="s">
        <v>92</v>
      </c>
      <c r="F383" s="18" t="s">
        <v>217</v>
      </c>
      <c r="G383" s="17" t="s">
        <v>1</v>
      </c>
      <c r="H383" s="18"/>
    </row>
    <row r="384" spans="1:8" ht="40.049999999999997" customHeight="1" x14ac:dyDescent="0.2">
      <c r="A384" s="15" t="s">
        <v>82</v>
      </c>
      <c r="B384" s="16">
        <v>107</v>
      </c>
      <c r="C384" s="17" t="s">
        <v>972</v>
      </c>
      <c r="D384" s="17" t="s">
        <v>973</v>
      </c>
      <c r="E384" s="18" t="s">
        <v>11</v>
      </c>
      <c r="F384" s="18" t="s">
        <v>1193</v>
      </c>
      <c r="G384" s="17" t="s">
        <v>1</v>
      </c>
      <c r="H384" s="18"/>
    </row>
    <row r="385" spans="1:8" ht="40.049999999999997" customHeight="1" x14ac:dyDescent="0.2">
      <c r="A385" s="15" t="s">
        <v>82</v>
      </c>
      <c r="B385" s="16">
        <v>118</v>
      </c>
      <c r="C385" s="17" t="s">
        <v>974</v>
      </c>
      <c r="D385" s="17" t="s">
        <v>975</v>
      </c>
      <c r="E385" s="18" t="s">
        <v>73</v>
      </c>
      <c r="F385" s="18" t="s">
        <v>262</v>
      </c>
      <c r="G385" s="17" t="s">
        <v>86</v>
      </c>
      <c r="H385" s="18"/>
    </row>
    <row r="386" spans="1:8" ht="40.049999999999997" customHeight="1" x14ac:dyDescent="0.2">
      <c r="A386" s="15" t="s">
        <v>82</v>
      </c>
      <c r="B386" s="16">
        <v>120</v>
      </c>
      <c r="C386" s="17" t="s">
        <v>976</v>
      </c>
      <c r="D386" s="17" t="s">
        <v>977</v>
      </c>
      <c r="E386" s="18" t="s">
        <v>73</v>
      </c>
      <c r="F386" s="18" t="s">
        <v>75</v>
      </c>
      <c r="G386" s="17" t="s">
        <v>71</v>
      </c>
      <c r="H386" s="18"/>
    </row>
    <row r="387" spans="1:8" ht="40.049999999999997" customHeight="1" x14ac:dyDescent="0.2">
      <c r="A387" s="15" t="s">
        <v>82</v>
      </c>
      <c r="B387" s="16">
        <v>121</v>
      </c>
      <c r="C387" s="17" t="s">
        <v>978</v>
      </c>
      <c r="D387" s="17" t="s">
        <v>979</v>
      </c>
      <c r="E387" s="18" t="s">
        <v>11</v>
      </c>
      <c r="F387" s="18" t="s">
        <v>243</v>
      </c>
      <c r="G387" s="17" t="s">
        <v>71</v>
      </c>
      <c r="H387" s="18"/>
    </row>
    <row r="388" spans="1:8" ht="40.049999999999997" customHeight="1" x14ac:dyDescent="0.2">
      <c r="A388" s="15" t="s">
        <v>82</v>
      </c>
      <c r="B388" s="16">
        <v>203</v>
      </c>
      <c r="C388" s="17" t="s">
        <v>980</v>
      </c>
      <c r="D388" s="17" t="s">
        <v>981</v>
      </c>
      <c r="E388" s="18" t="s">
        <v>73</v>
      </c>
      <c r="F388" s="18" t="s">
        <v>75</v>
      </c>
      <c r="G388" s="17" t="s">
        <v>71</v>
      </c>
      <c r="H388" s="18"/>
    </row>
    <row r="389" spans="1:8" ht="40.049999999999997" customHeight="1" x14ac:dyDescent="0.2">
      <c r="A389" s="15" t="s">
        <v>82</v>
      </c>
      <c r="B389" s="16">
        <v>206</v>
      </c>
      <c r="C389" s="17" t="s">
        <v>982</v>
      </c>
      <c r="D389" s="17" t="s">
        <v>83</v>
      </c>
      <c r="E389" s="18" t="s">
        <v>162</v>
      </c>
      <c r="F389" s="18" t="s">
        <v>250</v>
      </c>
      <c r="G389" s="17" t="s">
        <v>1</v>
      </c>
      <c r="H389" s="18"/>
    </row>
    <row r="390" spans="1:8" ht="40.049999999999997" customHeight="1" x14ac:dyDescent="0.2">
      <c r="A390" s="15" t="s">
        <v>82</v>
      </c>
      <c r="B390" s="16">
        <v>207</v>
      </c>
      <c r="C390" s="17" t="s">
        <v>983</v>
      </c>
      <c r="D390" s="17" t="s">
        <v>83</v>
      </c>
      <c r="E390" s="18" t="s">
        <v>162</v>
      </c>
      <c r="F390" s="18" t="s">
        <v>1206</v>
      </c>
      <c r="G390" s="17" t="s">
        <v>1</v>
      </c>
      <c r="H390" s="18"/>
    </row>
    <row r="391" spans="1:8" ht="40.049999999999997" customHeight="1" x14ac:dyDescent="0.2">
      <c r="A391" s="15" t="s">
        <v>82</v>
      </c>
      <c r="B391" s="16">
        <v>210</v>
      </c>
      <c r="C391" s="17" t="s">
        <v>984</v>
      </c>
      <c r="D391" s="17" t="s">
        <v>985</v>
      </c>
      <c r="E391" s="18" t="s">
        <v>11</v>
      </c>
      <c r="F391" s="18" t="s">
        <v>154</v>
      </c>
      <c r="G391" s="17" t="s">
        <v>71</v>
      </c>
      <c r="H391" s="18"/>
    </row>
    <row r="392" spans="1:8" ht="40.049999999999997" customHeight="1" x14ac:dyDescent="0.2">
      <c r="A392" s="15" t="s">
        <v>82</v>
      </c>
      <c r="B392" s="16">
        <v>102</v>
      </c>
      <c r="C392" s="17" t="s">
        <v>986</v>
      </c>
      <c r="D392" s="17" t="s">
        <v>987</v>
      </c>
      <c r="E392" s="18" t="s">
        <v>73</v>
      </c>
      <c r="F392" s="18" t="s">
        <v>262</v>
      </c>
      <c r="G392" s="17" t="s">
        <v>86</v>
      </c>
      <c r="H392" s="18"/>
    </row>
    <row r="393" spans="1:8" ht="40.049999999999997" customHeight="1" x14ac:dyDescent="0.2">
      <c r="A393" s="15" t="s">
        <v>82</v>
      </c>
      <c r="B393" s="16">
        <v>103</v>
      </c>
      <c r="C393" s="17" t="s">
        <v>988</v>
      </c>
      <c r="D393" s="17" t="s">
        <v>989</v>
      </c>
      <c r="E393" s="18" t="s">
        <v>11</v>
      </c>
      <c r="F393" s="18" t="s">
        <v>248</v>
      </c>
      <c r="G393" s="17" t="s">
        <v>74</v>
      </c>
      <c r="H393" s="18"/>
    </row>
    <row r="394" spans="1:8" ht="40.049999999999997" customHeight="1" x14ac:dyDescent="0.2">
      <c r="A394" s="15" t="s">
        <v>82</v>
      </c>
      <c r="B394" s="16">
        <v>105</v>
      </c>
      <c r="C394" s="17" t="s">
        <v>990</v>
      </c>
      <c r="D394" s="17" t="s">
        <v>991</v>
      </c>
      <c r="E394" s="18" t="s">
        <v>73</v>
      </c>
      <c r="F394" s="18" t="s">
        <v>152</v>
      </c>
      <c r="G394" s="17" t="s">
        <v>1</v>
      </c>
      <c r="H394" s="18"/>
    </row>
    <row r="395" spans="1:8" ht="40.049999999999997" customHeight="1" x14ac:dyDescent="0.2">
      <c r="A395" s="15" t="s">
        <v>82</v>
      </c>
      <c r="B395" s="16">
        <v>106</v>
      </c>
      <c r="C395" s="17" t="s">
        <v>181</v>
      </c>
      <c r="D395" s="17" t="s">
        <v>1247</v>
      </c>
      <c r="E395" s="18" t="s">
        <v>11</v>
      </c>
      <c r="F395" s="18" t="s">
        <v>252</v>
      </c>
      <c r="G395" s="17" t="s">
        <v>1</v>
      </c>
      <c r="H395" s="18"/>
    </row>
    <row r="396" spans="1:8" ht="40.049999999999997" customHeight="1" x14ac:dyDescent="0.2">
      <c r="A396" s="15" t="s">
        <v>82</v>
      </c>
      <c r="B396" s="16">
        <v>108</v>
      </c>
      <c r="C396" s="17" t="s">
        <v>992</v>
      </c>
      <c r="D396" s="17" t="s">
        <v>1248</v>
      </c>
      <c r="E396" s="18" t="s">
        <v>11</v>
      </c>
      <c r="F396" s="18" t="s">
        <v>81</v>
      </c>
      <c r="G396" s="17" t="s">
        <v>1</v>
      </c>
      <c r="H396" s="18"/>
    </row>
    <row r="397" spans="1:8" ht="40.049999999999997" customHeight="1" x14ac:dyDescent="0.2">
      <c r="A397" s="15" t="s">
        <v>82</v>
      </c>
      <c r="B397" s="16">
        <v>109</v>
      </c>
      <c r="C397" s="17" t="s">
        <v>993</v>
      </c>
      <c r="D397" s="17" t="s">
        <v>975</v>
      </c>
      <c r="E397" s="18" t="s">
        <v>73</v>
      </c>
      <c r="F397" s="18" t="s">
        <v>1207</v>
      </c>
      <c r="G397" s="17" t="s">
        <v>1</v>
      </c>
      <c r="H397" s="18"/>
    </row>
    <row r="398" spans="1:8" ht="40.049999999999997" customHeight="1" x14ac:dyDescent="0.2">
      <c r="A398" s="15" t="s">
        <v>82</v>
      </c>
      <c r="B398" s="16">
        <v>113</v>
      </c>
      <c r="C398" s="17" t="s">
        <v>994</v>
      </c>
      <c r="D398" s="17" t="s">
        <v>1249</v>
      </c>
      <c r="E398" s="18" t="s">
        <v>11</v>
      </c>
      <c r="F398" s="18" t="s">
        <v>156</v>
      </c>
      <c r="G398" s="17" t="s">
        <v>1</v>
      </c>
      <c r="H398" s="18"/>
    </row>
    <row r="399" spans="1:8" ht="40.049999999999997" customHeight="1" x14ac:dyDescent="0.2">
      <c r="A399" s="15" t="s">
        <v>82</v>
      </c>
      <c r="B399" s="16">
        <v>117</v>
      </c>
      <c r="C399" s="17" t="s">
        <v>995</v>
      </c>
      <c r="D399" s="17" t="s">
        <v>996</v>
      </c>
      <c r="E399" s="18" t="s">
        <v>11</v>
      </c>
      <c r="F399" s="18" t="s">
        <v>1208</v>
      </c>
      <c r="G399" s="17" t="s">
        <v>1</v>
      </c>
      <c r="H399" s="18"/>
    </row>
    <row r="400" spans="1:8" ht="40.049999999999997" customHeight="1" x14ac:dyDescent="0.2">
      <c r="A400" s="15" t="s">
        <v>82</v>
      </c>
      <c r="B400" s="16">
        <v>123</v>
      </c>
      <c r="C400" s="17" t="s">
        <v>997</v>
      </c>
      <c r="D400" s="17" t="s">
        <v>998</v>
      </c>
      <c r="E400" s="18" t="s">
        <v>73</v>
      </c>
      <c r="F400" s="18" t="s">
        <v>223</v>
      </c>
      <c r="G400" s="17" t="s">
        <v>1</v>
      </c>
      <c r="H400" s="18"/>
    </row>
    <row r="401" spans="1:8" ht="40.049999999999997" customHeight="1" x14ac:dyDescent="0.2">
      <c r="A401" s="15" t="s">
        <v>82</v>
      </c>
      <c r="B401" s="16">
        <v>125</v>
      </c>
      <c r="C401" s="17" t="s">
        <v>999</v>
      </c>
      <c r="D401" s="17" t="s">
        <v>1000</v>
      </c>
      <c r="E401" s="18" t="s">
        <v>2</v>
      </c>
      <c r="F401" s="18" t="s">
        <v>1209</v>
      </c>
      <c r="G401" s="17" t="s">
        <v>1</v>
      </c>
      <c r="H401" s="18"/>
    </row>
    <row r="402" spans="1:8" ht="40.049999999999997" customHeight="1" x14ac:dyDescent="0.2">
      <c r="A402" s="15" t="s">
        <v>82</v>
      </c>
      <c r="B402" s="16">
        <v>201</v>
      </c>
      <c r="C402" s="17" t="s">
        <v>1001</v>
      </c>
      <c r="D402" s="17" t="s">
        <v>1002</v>
      </c>
      <c r="E402" s="18" t="s">
        <v>73</v>
      </c>
      <c r="F402" s="18" t="s">
        <v>1210</v>
      </c>
      <c r="G402" s="17" t="s">
        <v>1</v>
      </c>
      <c r="H402" s="18"/>
    </row>
    <row r="403" spans="1:8" ht="40.049999999999997" customHeight="1" x14ac:dyDescent="0.2">
      <c r="A403" s="15" t="s">
        <v>82</v>
      </c>
      <c r="B403" s="16">
        <v>202</v>
      </c>
      <c r="C403" s="17" t="s">
        <v>1003</v>
      </c>
      <c r="D403" s="17" t="s">
        <v>1004</v>
      </c>
      <c r="E403" s="18" t="s">
        <v>11</v>
      </c>
      <c r="F403" s="18" t="s">
        <v>248</v>
      </c>
      <c r="G403" s="17" t="s">
        <v>74</v>
      </c>
      <c r="H403" s="18"/>
    </row>
    <row r="404" spans="1:8" ht="40.049999999999997" customHeight="1" x14ac:dyDescent="0.2">
      <c r="A404" s="15" t="s">
        <v>82</v>
      </c>
      <c r="B404" s="16">
        <v>204</v>
      </c>
      <c r="C404" s="17" t="s">
        <v>1005</v>
      </c>
      <c r="D404" s="17" t="s">
        <v>979</v>
      </c>
      <c r="E404" s="18" t="s">
        <v>73</v>
      </c>
      <c r="F404" s="18" t="s">
        <v>1211</v>
      </c>
      <c r="G404" s="17" t="s">
        <v>5</v>
      </c>
      <c r="H404" s="18"/>
    </row>
    <row r="405" spans="1:8" ht="40.049999999999997" customHeight="1" x14ac:dyDescent="0.2">
      <c r="A405" s="15" t="s">
        <v>82</v>
      </c>
      <c r="B405" s="16">
        <v>205</v>
      </c>
      <c r="C405" s="17" t="s">
        <v>121</v>
      </c>
      <c r="D405" s="17" t="s">
        <v>987</v>
      </c>
      <c r="E405" s="18" t="s">
        <v>73</v>
      </c>
      <c r="F405" s="18" t="s">
        <v>149</v>
      </c>
      <c r="G405" s="17" t="s">
        <v>5</v>
      </c>
      <c r="H405" s="18"/>
    </row>
    <row r="406" spans="1:8" ht="40.049999999999997" customHeight="1" x14ac:dyDescent="0.2">
      <c r="A406" s="15" t="s">
        <v>82</v>
      </c>
      <c r="B406" s="16">
        <v>208</v>
      </c>
      <c r="C406" s="17" t="s">
        <v>182</v>
      </c>
      <c r="D406" s="17" t="s">
        <v>127</v>
      </c>
      <c r="E406" s="18" t="s">
        <v>73</v>
      </c>
      <c r="F406" s="18" t="s">
        <v>77</v>
      </c>
      <c r="G406" s="17" t="s">
        <v>74</v>
      </c>
      <c r="H406" s="18"/>
    </row>
    <row r="407" spans="1:8" ht="40.049999999999997" customHeight="1" x14ac:dyDescent="0.2">
      <c r="A407" s="15" t="s">
        <v>82</v>
      </c>
      <c r="B407" s="16">
        <v>211</v>
      </c>
      <c r="C407" s="17" t="s">
        <v>1006</v>
      </c>
      <c r="D407" s="17" t="s">
        <v>83</v>
      </c>
      <c r="E407" s="18" t="s">
        <v>73</v>
      </c>
      <c r="F407" s="18" t="s">
        <v>153</v>
      </c>
      <c r="G407" s="17" t="s">
        <v>74</v>
      </c>
      <c r="H407" s="18"/>
    </row>
    <row r="408" spans="1:8" ht="40.049999999999997" customHeight="1" x14ac:dyDescent="0.2">
      <c r="A408" s="15" t="s">
        <v>82</v>
      </c>
      <c r="B408" s="16">
        <v>212</v>
      </c>
      <c r="C408" s="17" t="s">
        <v>1007</v>
      </c>
      <c r="D408" s="17" t="s">
        <v>1008</v>
      </c>
      <c r="E408" s="18" t="s">
        <v>4</v>
      </c>
      <c r="F408" s="18" t="s">
        <v>84</v>
      </c>
      <c r="G408" s="17" t="s">
        <v>1</v>
      </c>
      <c r="H408" s="18"/>
    </row>
    <row r="409" spans="1:8" ht="40.049999999999997" customHeight="1" x14ac:dyDescent="0.2">
      <c r="A409" s="15" t="s">
        <v>82</v>
      </c>
      <c r="B409" s="16">
        <v>214</v>
      </c>
      <c r="C409" s="17" t="s">
        <v>1009</v>
      </c>
      <c r="D409" s="17" t="s">
        <v>199</v>
      </c>
      <c r="E409" s="18" t="s">
        <v>73</v>
      </c>
      <c r="F409" s="18" t="s">
        <v>1211</v>
      </c>
      <c r="G409" s="17" t="s">
        <v>5</v>
      </c>
      <c r="H409" s="18"/>
    </row>
    <row r="410" spans="1:8" ht="40.049999999999997" customHeight="1" x14ac:dyDescent="0.2">
      <c r="A410" s="15" t="s">
        <v>82</v>
      </c>
      <c r="B410" s="16">
        <v>215</v>
      </c>
      <c r="C410" s="17" t="s">
        <v>1010</v>
      </c>
      <c r="D410" s="17" t="s">
        <v>85</v>
      </c>
      <c r="E410" s="18" t="s">
        <v>6</v>
      </c>
      <c r="F410" s="18" t="s">
        <v>1212</v>
      </c>
      <c r="G410" s="17" t="s">
        <v>1</v>
      </c>
      <c r="H410" s="18"/>
    </row>
    <row r="411" spans="1:8" ht="40.049999999999997" customHeight="1" x14ac:dyDescent="0.2">
      <c r="A411" s="15" t="s">
        <v>82</v>
      </c>
      <c r="B411" s="16">
        <v>216</v>
      </c>
      <c r="C411" s="17" t="s">
        <v>1011</v>
      </c>
      <c r="D411" s="17" t="s">
        <v>1012</v>
      </c>
      <c r="E411" s="18" t="s">
        <v>11</v>
      </c>
      <c r="F411" s="18" t="s">
        <v>12</v>
      </c>
      <c r="G411" s="17" t="s">
        <v>13</v>
      </c>
      <c r="H411" s="18"/>
    </row>
    <row r="412" spans="1:8" ht="40.049999999999997" customHeight="1" x14ac:dyDescent="0.2">
      <c r="A412" s="15" t="s">
        <v>118</v>
      </c>
      <c r="B412" s="16">
        <v>111</v>
      </c>
      <c r="C412" s="17" t="s">
        <v>1013</v>
      </c>
      <c r="D412" s="17" t="s">
        <v>1014</v>
      </c>
      <c r="E412" s="18" t="s">
        <v>11</v>
      </c>
      <c r="F412" s="18" t="s">
        <v>1191</v>
      </c>
      <c r="G412" s="17" t="s">
        <v>1</v>
      </c>
      <c r="H412" s="18"/>
    </row>
    <row r="413" spans="1:8" ht="40.049999999999997" customHeight="1" x14ac:dyDescent="0.2">
      <c r="A413" s="15" t="s">
        <v>118</v>
      </c>
      <c r="B413" s="16">
        <v>9</v>
      </c>
      <c r="C413" s="17" t="s">
        <v>1015</v>
      </c>
      <c r="D413" s="17" t="s">
        <v>1016</v>
      </c>
      <c r="E413" s="18" t="s">
        <v>92</v>
      </c>
      <c r="F413" s="18" t="s">
        <v>93</v>
      </c>
      <c r="G413" s="17" t="s">
        <v>1</v>
      </c>
      <c r="H413" s="18"/>
    </row>
    <row r="414" spans="1:8" ht="40.049999999999997" customHeight="1" x14ac:dyDescent="0.2">
      <c r="A414" s="15" t="s">
        <v>118</v>
      </c>
      <c r="B414" s="16">
        <v>10</v>
      </c>
      <c r="C414" s="17" t="s">
        <v>1017</v>
      </c>
      <c r="D414" s="17" t="s">
        <v>1018</v>
      </c>
      <c r="E414" s="18" t="s">
        <v>73</v>
      </c>
      <c r="F414" s="18" t="s">
        <v>1204</v>
      </c>
      <c r="G414" s="17" t="s">
        <v>1205</v>
      </c>
      <c r="H414" s="18"/>
    </row>
    <row r="415" spans="1:8" ht="40.049999999999997" customHeight="1" x14ac:dyDescent="0.2">
      <c r="A415" s="15" t="s">
        <v>118</v>
      </c>
      <c r="B415" s="16">
        <v>19</v>
      </c>
      <c r="C415" s="17" t="s">
        <v>1019</v>
      </c>
      <c r="D415" s="17" t="s">
        <v>1020</v>
      </c>
      <c r="E415" s="18" t="s">
        <v>92</v>
      </c>
      <c r="F415" s="18" t="s">
        <v>1213</v>
      </c>
      <c r="G415" s="17" t="s">
        <v>1</v>
      </c>
      <c r="H415" s="18"/>
    </row>
    <row r="416" spans="1:8" ht="40.049999999999997" customHeight="1" x14ac:dyDescent="0.2">
      <c r="A416" s="15" t="s">
        <v>118</v>
      </c>
      <c r="B416" s="16">
        <v>107</v>
      </c>
      <c r="C416" s="17" t="s">
        <v>1021</v>
      </c>
      <c r="D416" s="17" t="s">
        <v>1022</v>
      </c>
      <c r="E416" s="18" t="s">
        <v>11</v>
      </c>
      <c r="F416" s="18" t="s">
        <v>1214</v>
      </c>
      <c r="G416" s="17" t="s">
        <v>1</v>
      </c>
      <c r="H416" s="18"/>
    </row>
    <row r="417" spans="1:8" ht="40.049999999999997" customHeight="1" x14ac:dyDescent="0.2">
      <c r="A417" s="15" t="s">
        <v>118</v>
      </c>
      <c r="B417" s="16">
        <v>110</v>
      </c>
      <c r="C417" s="17" t="s">
        <v>1023</v>
      </c>
      <c r="D417" s="17" t="s">
        <v>1250</v>
      </c>
      <c r="E417" s="18" t="s">
        <v>76</v>
      </c>
      <c r="F417" s="18" t="s">
        <v>151</v>
      </c>
      <c r="G417" s="17" t="s">
        <v>1</v>
      </c>
      <c r="H417" s="18"/>
    </row>
    <row r="418" spans="1:8" ht="40.049999999999997" customHeight="1" x14ac:dyDescent="0.2">
      <c r="A418" s="15" t="s">
        <v>118</v>
      </c>
      <c r="B418" s="16">
        <v>113</v>
      </c>
      <c r="C418" s="17" t="s">
        <v>1024</v>
      </c>
      <c r="D418" s="17" t="s">
        <v>1025</v>
      </c>
      <c r="E418" s="18" t="s">
        <v>76</v>
      </c>
      <c r="F418" s="18" t="s">
        <v>1215</v>
      </c>
      <c r="G418" s="17" t="s">
        <v>1</v>
      </c>
      <c r="H418" s="18"/>
    </row>
    <row r="419" spans="1:8" ht="40.049999999999997" customHeight="1" x14ac:dyDescent="0.2">
      <c r="A419" s="15" t="s">
        <v>118</v>
      </c>
      <c r="B419" s="16">
        <v>114</v>
      </c>
      <c r="C419" s="17" t="s">
        <v>1026</v>
      </c>
      <c r="D419" s="17" t="s">
        <v>1027</v>
      </c>
      <c r="E419" s="18" t="s">
        <v>76</v>
      </c>
      <c r="F419" s="18" t="s">
        <v>151</v>
      </c>
      <c r="G419" s="17" t="s">
        <v>1</v>
      </c>
      <c r="H419" s="18"/>
    </row>
    <row r="420" spans="1:8" ht="40.049999999999997" customHeight="1" x14ac:dyDescent="0.2">
      <c r="A420" s="15" t="s">
        <v>118</v>
      </c>
      <c r="B420" s="16">
        <v>254</v>
      </c>
      <c r="C420" s="17" t="s">
        <v>1028</v>
      </c>
      <c r="D420" s="17" t="s">
        <v>1029</v>
      </c>
      <c r="E420" s="18" t="s">
        <v>76</v>
      </c>
      <c r="F420" s="18" t="s">
        <v>114</v>
      </c>
      <c r="G420" s="17" t="s">
        <v>1</v>
      </c>
      <c r="H420" s="18"/>
    </row>
    <row r="421" spans="1:8" ht="40.049999999999997" customHeight="1" x14ac:dyDescent="0.2">
      <c r="A421" s="15" t="s">
        <v>118</v>
      </c>
      <c r="B421" s="16">
        <v>1</v>
      </c>
      <c r="C421" s="17" t="s">
        <v>1030</v>
      </c>
      <c r="D421" s="17" t="s">
        <v>1031</v>
      </c>
      <c r="E421" s="18" t="s">
        <v>267</v>
      </c>
      <c r="F421" s="18" t="s">
        <v>1216</v>
      </c>
      <c r="G421" s="17" t="s">
        <v>72</v>
      </c>
      <c r="H421" s="18"/>
    </row>
    <row r="422" spans="1:8" ht="40.049999999999997" customHeight="1" x14ac:dyDescent="0.2">
      <c r="A422" s="15" t="s">
        <v>118</v>
      </c>
      <c r="B422" s="16">
        <v>3</v>
      </c>
      <c r="C422" s="17" t="s">
        <v>183</v>
      </c>
      <c r="D422" s="17" t="s">
        <v>202</v>
      </c>
      <c r="E422" s="18" t="s">
        <v>4</v>
      </c>
      <c r="F422" s="18" t="s">
        <v>108</v>
      </c>
      <c r="G422" s="17" t="s">
        <v>1</v>
      </c>
      <c r="H422" s="18"/>
    </row>
    <row r="423" spans="1:8" ht="40.049999999999997" customHeight="1" x14ac:dyDescent="0.2">
      <c r="A423" s="15" t="s">
        <v>118</v>
      </c>
      <c r="B423" s="16">
        <v>4</v>
      </c>
      <c r="C423" s="17" t="s">
        <v>1032</v>
      </c>
      <c r="D423" s="17" t="s">
        <v>1033</v>
      </c>
      <c r="E423" s="18" t="s">
        <v>162</v>
      </c>
      <c r="F423" s="18" t="s">
        <v>250</v>
      </c>
      <c r="G423" s="17" t="s">
        <v>1</v>
      </c>
      <c r="H423" s="18"/>
    </row>
    <row r="424" spans="1:8" ht="40.049999999999997" customHeight="1" x14ac:dyDescent="0.2">
      <c r="A424" s="15" t="s">
        <v>118</v>
      </c>
      <c r="B424" s="16">
        <v>5</v>
      </c>
      <c r="C424" s="17" t="s">
        <v>1034</v>
      </c>
      <c r="D424" s="17" t="s">
        <v>96</v>
      </c>
      <c r="E424" s="18" t="s">
        <v>30</v>
      </c>
      <c r="F424" s="18" t="s">
        <v>259</v>
      </c>
      <c r="G424" s="17" t="s">
        <v>1</v>
      </c>
      <c r="H424" s="18"/>
    </row>
    <row r="425" spans="1:8" ht="40.049999999999997" customHeight="1" x14ac:dyDescent="0.2">
      <c r="A425" s="15" t="s">
        <v>118</v>
      </c>
      <c r="B425" s="16">
        <v>6</v>
      </c>
      <c r="C425" s="17" t="s">
        <v>184</v>
      </c>
      <c r="D425" s="17" t="s">
        <v>1035</v>
      </c>
      <c r="E425" s="18" t="s">
        <v>92</v>
      </c>
      <c r="F425" s="18" t="s">
        <v>93</v>
      </c>
      <c r="G425" s="17" t="s">
        <v>1</v>
      </c>
      <c r="H425" s="18"/>
    </row>
    <row r="426" spans="1:8" ht="40.049999999999997" customHeight="1" x14ac:dyDescent="0.2">
      <c r="A426" s="15" t="s">
        <v>118</v>
      </c>
      <c r="B426" s="16">
        <v>7</v>
      </c>
      <c r="C426" s="17" t="s">
        <v>1036</v>
      </c>
      <c r="D426" s="17" t="s">
        <v>96</v>
      </c>
      <c r="E426" s="18" t="s">
        <v>30</v>
      </c>
      <c r="F426" s="18" t="s">
        <v>251</v>
      </c>
      <c r="G426" s="17" t="s">
        <v>1</v>
      </c>
      <c r="H426" s="18"/>
    </row>
    <row r="427" spans="1:8" ht="40.049999999999997" customHeight="1" x14ac:dyDescent="0.2">
      <c r="A427" s="15" t="s">
        <v>118</v>
      </c>
      <c r="B427" s="16">
        <v>8</v>
      </c>
      <c r="C427" s="17" t="s">
        <v>1037</v>
      </c>
      <c r="D427" s="17" t="s">
        <v>94</v>
      </c>
      <c r="E427" s="18" t="s">
        <v>30</v>
      </c>
      <c r="F427" s="18" t="s">
        <v>95</v>
      </c>
      <c r="G427" s="17" t="s">
        <v>1</v>
      </c>
      <c r="H427" s="18"/>
    </row>
    <row r="428" spans="1:8" ht="40.049999999999997" customHeight="1" x14ac:dyDescent="0.2">
      <c r="A428" s="15" t="s">
        <v>118</v>
      </c>
      <c r="B428" s="16">
        <v>12</v>
      </c>
      <c r="C428" s="17" t="s">
        <v>1038</v>
      </c>
      <c r="D428" s="17" t="s">
        <v>94</v>
      </c>
      <c r="E428" s="18" t="s">
        <v>30</v>
      </c>
      <c r="F428" s="18" t="s">
        <v>109</v>
      </c>
      <c r="G428" s="17" t="s">
        <v>1</v>
      </c>
      <c r="H428" s="18"/>
    </row>
    <row r="429" spans="1:8" ht="40.049999999999997" customHeight="1" x14ac:dyDescent="0.2">
      <c r="A429" s="15" t="s">
        <v>118</v>
      </c>
      <c r="B429" s="16">
        <v>101</v>
      </c>
      <c r="C429" s="17" t="s">
        <v>185</v>
      </c>
      <c r="D429" s="17" t="s">
        <v>203</v>
      </c>
      <c r="E429" s="18" t="s">
        <v>30</v>
      </c>
      <c r="F429" s="18" t="s">
        <v>1217</v>
      </c>
      <c r="G429" s="17" t="s">
        <v>1</v>
      </c>
      <c r="H429" s="18"/>
    </row>
    <row r="430" spans="1:8" ht="40.049999999999997" customHeight="1" x14ac:dyDescent="0.2">
      <c r="A430" s="15" t="s">
        <v>118</v>
      </c>
      <c r="B430" s="16">
        <v>201</v>
      </c>
      <c r="C430" s="17" t="s">
        <v>1039</v>
      </c>
      <c r="D430" s="17" t="s">
        <v>1040</v>
      </c>
      <c r="E430" s="18" t="s">
        <v>30</v>
      </c>
      <c r="F430" s="18" t="s">
        <v>109</v>
      </c>
      <c r="G430" s="17" t="s">
        <v>1</v>
      </c>
      <c r="H430" s="18"/>
    </row>
    <row r="431" spans="1:8" ht="40.049999999999997" customHeight="1" x14ac:dyDescent="0.2">
      <c r="A431" s="15" t="s">
        <v>118</v>
      </c>
      <c r="B431" s="16">
        <v>202</v>
      </c>
      <c r="C431" s="17" t="s">
        <v>1041</v>
      </c>
      <c r="D431" s="17" t="s">
        <v>107</v>
      </c>
      <c r="E431" s="18" t="s">
        <v>30</v>
      </c>
      <c r="F431" s="18" t="s">
        <v>14</v>
      </c>
      <c r="G431" s="17" t="s">
        <v>1</v>
      </c>
      <c r="H431" s="18"/>
    </row>
    <row r="432" spans="1:8" ht="40.049999999999997" customHeight="1" x14ac:dyDescent="0.2">
      <c r="A432" s="15" t="s">
        <v>118</v>
      </c>
      <c r="B432" s="16">
        <v>204</v>
      </c>
      <c r="C432" s="17" t="s">
        <v>186</v>
      </c>
      <c r="D432" s="17" t="s">
        <v>1042</v>
      </c>
      <c r="E432" s="18" t="s">
        <v>76</v>
      </c>
      <c r="F432" s="18" t="s">
        <v>114</v>
      </c>
      <c r="G432" s="17" t="s">
        <v>1</v>
      </c>
      <c r="H432" s="18"/>
    </row>
    <row r="433" spans="1:8" ht="40.049999999999997" customHeight="1" x14ac:dyDescent="0.2">
      <c r="A433" s="15" t="s">
        <v>118</v>
      </c>
      <c r="B433" s="16">
        <v>205</v>
      </c>
      <c r="C433" s="17" t="s">
        <v>1043</v>
      </c>
      <c r="D433" s="17" t="s">
        <v>1044</v>
      </c>
      <c r="E433" s="18" t="s">
        <v>73</v>
      </c>
      <c r="F433" s="18" t="s">
        <v>1210</v>
      </c>
      <c r="G433" s="17" t="s">
        <v>1</v>
      </c>
      <c r="H433" s="18"/>
    </row>
    <row r="434" spans="1:8" ht="40.049999999999997" customHeight="1" x14ac:dyDescent="0.2">
      <c r="A434" s="15" t="s">
        <v>118</v>
      </c>
      <c r="B434" s="16">
        <v>206</v>
      </c>
      <c r="C434" s="17" t="s">
        <v>1045</v>
      </c>
      <c r="D434" s="17" t="s">
        <v>1046</v>
      </c>
      <c r="E434" s="18" t="s">
        <v>11</v>
      </c>
      <c r="F434" s="18" t="s">
        <v>258</v>
      </c>
      <c r="G434" s="17" t="s">
        <v>1</v>
      </c>
      <c r="H434" s="18"/>
    </row>
    <row r="435" spans="1:8" ht="40.049999999999997" customHeight="1" x14ac:dyDescent="0.2">
      <c r="A435" s="15" t="s">
        <v>118</v>
      </c>
      <c r="B435" s="16">
        <v>208</v>
      </c>
      <c r="C435" s="17" t="s">
        <v>1047</v>
      </c>
      <c r="D435" s="17" t="s">
        <v>1048</v>
      </c>
      <c r="E435" s="18" t="s">
        <v>76</v>
      </c>
      <c r="F435" s="18" t="s">
        <v>1218</v>
      </c>
      <c r="G435" s="17" t="s">
        <v>1</v>
      </c>
      <c r="H435" s="18"/>
    </row>
    <row r="436" spans="1:8" ht="40.049999999999997" customHeight="1" x14ac:dyDescent="0.2">
      <c r="A436" s="15" t="s">
        <v>118</v>
      </c>
      <c r="B436" s="16">
        <v>210</v>
      </c>
      <c r="C436" s="17" t="s">
        <v>97</v>
      </c>
      <c r="D436" s="17" t="s">
        <v>96</v>
      </c>
      <c r="E436" s="18" t="s">
        <v>4</v>
      </c>
      <c r="F436" s="18" t="s">
        <v>137</v>
      </c>
      <c r="G436" s="17" t="s">
        <v>1</v>
      </c>
      <c r="H436" s="18"/>
    </row>
    <row r="437" spans="1:8" ht="40.049999999999997" customHeight="1" x14ac:dyDescent="0.2">
      <c r="A437" s="15" t="s">
        <v>118</v>
      </c>
      <c r="B437" s="16">
        <v>211</v>
      </c>
      <c r="C437" s="17" t="s">
        <v>1049</v>
      </c>
      <c r="D437" s="17" t="s">
        <v>96</v>
      </c>
      <c r="E437" s="18" t="s">
        <v>30</v>
      </c>
      <c r="F437" s="18" t="s">
        <v>251</v>
      </c>
      <c r="G437" s="17" t="s">
        <v>1</v>
      </c>
      <c r="H437" s="18"/>
    </row>
    <row r="438" spans="1:8" ht="40.049999999999997" customHeight="1" x14ac:dyDescent="0.2">
      <c r="A438" s="15" t="s">
        <v>118</v>
      </c>
      <c r="B438" s="16">
        <v>256</v>
      </c>
      <c r="C438" s="17" t="s">
        <v>1050</v>
      </c>
      <c r="D438" s="17" t="s">
        <v>1051</v>
      </c>
      <c r="E438" s="18" t="s">
        <v>4</v>
      </c>
      <c r="F438" s="18" t="s">
        <v>1219</v>
      </c>
      <c r="G438" s="17" t="s">
        <v>1</v>
      </c>
      <c r="H438" s="18"/>
    </row>
    <row r="439" spans="1:8" ht="40.049999999999997" customHeight="1" x14ac:dyDescent="0.2">
      <c r="A439" s="15" t="s">
        <v>118</v>
      </c>
      <c r="B439" s="16">
        <v>601</v>
      </c>
      <c r="C439" s="17" t="s">
        <v>187</v>
      </c>
      <c r="D439" s="17" t="s">
        <v>1052</v>
      </c>
      <c r="E439" s="18" t="s">
        <v>4</v>
      </c>
      <c r="F439" s="18" t="s">
        <v>1220</v>
      </c>
      <c r="G439" s="17" t="s">
        <v>1</v>
      </c>
      <c r="H439" s="18"/>
    </row>
    <row r="440" spans="1:8" ht="40.049999999999997" customHeight="1" x14ac:dyDescent="0.2">
      <c r="A440" s="15" t="s">
        <v>118</v>
      </c>
      <c r="B440" s="16">
        <v>602</v>
      </c>
      <c r="C440" s="17" t="s">
        <v>1053</v>
      </c>
      <c r="D440" s="17" t="s">
        <v>1054</v>
      </c>
      <c r="E440" s="18" t="s">
        <v>73</v>
      </c>
      <c r="F440" s="18" t="s">
        <v>1204</v>
      </c>
      <c r="G440" s="17" t="s">
        <v>1205</v>
      </c>
      <c r="H440" s="18"/>
    </row>
    <row r="441" spans="1:8" ht="40.049999999999997" customHeight="1" x14ac:dyDescent="0.2">
      <c r="A441" s="15" t="s">
        <v>118</v>
      </c>
      <c r="B441" s="16">
        <v>605</v>
      </c>
      <c r="C441" s="17" t="s">
        <v>1055</v>
      </c>
      <c r="D441" s="17" t="s">
        <v>1056</v>
      </c>
      <c r="E441" s="18" t="s">
        <v>76</v>
      </c>
      <c r="F441" s="18" t="s">
        <v>91</v>
      </c>
      <c r="G441" s="17" t="s">
        <v>86</v>
      </c>
      <c r="H441" s="18"/>
    </row>
    <row r="442" spans="1:8" ht="40.049999999999997" customHeight="1" x14ac:dyDescent="0.2">
      <c r="A442" s="15" t="s">
        <v>118</v>
      </c>
      <c r="B442" s="16">
        <v>606</v>
      </c>
      <c r="C442" s="17" t="s">
        <v>1057</v>
      </c>
      <c r="D442" s="17" t="s">
        <v>1058</v>
      </c>
      <c r="E442" s="18" t="s">
        <v>11</v>
      </c>
      <c r="F442" s="18" t="s">
        <v>80</v>
      </c>
      <c r="G442" s="17" t="s">
        <v>1</v>
      </c>
      <c r="H442" s="18"/>
    </row>
    <row r="443" spans="1:8" ht="40.049999999999997" customHeight="1" x14ac:dyDescent="0.2">
      <c r="A443" s="15" t="s">
        <v>118</v>
      </c>
      <c r="B443" s="16">
        <v>608</v>
      </c>
      <c r="C443" s="17" t="s">
        <v>1059</v>
      </c>
      <c r="D443" s="17" t="s">
        <v>1060</v>
      </c>
      <c r="E443" s="18" t="s">
        <v>76</v>
      </c>
      <c r="F443" s="18" t="s">
        <v>1221</v>
      </c>
      <c r="G443" s="17" t="s">
        <v>1</v>
      </c>
      <c r="H443" s="18"/>
    </row>
    <row r="444" spans="1:8" ht="40.049999999999997" customHeight="1" x14ac:dyDescent="0.2">
      <c r="A444" s="15" t="s">
        <v>118</v>
      </c>
      <c r="B444" s="16">
        <v>610</v>
      </c>
      <c r="C444" s="17" t="s">
        <v>1061</v>
      </c>
      <c r="D444" s="17" t="s">
        <v>1062</v>
      </c>
      <c r="E444" s="18" t="s">
        <v>30</v>
      </c>
      <c r="F444" s="18" t="s">
        <v>1222</v>
      </c>
      <c r="G444" s="17" t="s">
        <v>1</v>
      </c>
      <c r="H444" s="18"/>
    </row>
    <row r="445" spans="1:8" ht="40.049999999999997" customHeight="1" x14ac:dyDescent="0.2">
      <c r="A445" s="15" t="s">
        <v>118</v>
      </c>
      <c r="B445" s="16">
        <v>611</v>
      </c>
      <c r="C445" s="17" t="s">
        <v>1063</v>
      </c>
      <c r="D445" s="17" t="s">
        <v>201</v>
      </c>
      <c r="E445" s="18" t="s">
        <v>30</v>
      </c>
      <c r="F445" s="18" t="s">
        <v>1223</v>
      </c>
      <c r="G445" s="17" t="s">
        <v>1</v>
      </c>
      <c r="H445" s="18"/>
    </row>
    <row r="446" spans="1:8" ht="40.049999999999997" customHeight="1" x14ac:dyDescent="0.2">
      <c r="A446" s="15" t="s">
        <v>118</v>
      </c>
      <c r="B446" s="16">
        <v>612</v>
      </c>
      <c r="C446" s="17" t="s">
        <v>189</v>
      </c>
      <c r="D446" s="17" t="s">
        <v>0</v>
      </c>
      <c r="E446" s="18" t="s">
        <v>4</v>
      </c>
      <c r="F446" s="18" t="s">
        <v>63</v>
      </c>
      <c r="G446" s="17" t="s">
        <v>1</v>
      </c>
      <c r="H446" s="18"/>
    </row>
    <row r="447" spans="1:8" ht="40.049999999999997" customHeight="1" x14ac:dyDescent="0.2">
      <c r="A447" s="15" t="s">
        <v>118</v>
      </c>
      <c r="B447" s="16">
        <v>613</v>
      </c>
      <c r="C447" s="17" t="s">
        <v>1064</v>
      </c>
      <c r="D447" s="17" t="s">
        <v>1065</v>
      </c>
      <c r="E447" s="18" t="s">
        <v>73</v>
      </c>
      <c r="F447" s="18" t="s">
        <v>93</v>
      </c>
      <c r="G447" s="17" t="s">
        <v>1</v>
      </c>
      <c r="H447" s="18"/>
    </row>
    <row r="448" spans="1:8" ht="40.049999999999997" customHeight="1" x14ac:dyDescent="0.2">
      <c r="A448" s="15" t="s">
        <v>118</v>
      </c>
      <c r="B448" s="16">
        <v>614</v>
      </c>
      <c r="C448" s="17" t="s">
        <v>188</v>
      </c>
      <c r="D448" s="17" t="s">
        <v>1066</v>
      </c>
      <c r="E448" s="18" t="s">
        <v>73</v>
      </c>
      <c r="F448" s="18" t="s">
        <v>260</v>
      </c>
      <c r="G448" s="17" t="s">
        <v>1</v>
      </c>
      <c r="H448" s="18"/>
    </row>
    <row r="449" spans="1:8" ht="40.049999999999997" customHeight="1" x14ac:dyDescent="0.2">
      <c r="A449" s="15" t="s">
        <v>118</v>
      </c>
      <c r="B449" s="16">
        <v>615</v>
      </c>
      <c r="C449" s="17" t="s">
        <v>1067</v>
      </c>
      <c r="D449" s="17" t="s">
        <v>115</v>
      </c>
      <c r="E449" s="18" t="s">
        <v>4</v>
      </c>
      <c r="F449" s="18" t="s">
        <v>93</v>
      </c>
      <c r="G449" s="17" t="s">
        <v>1</v>
      </c>
      <c r="H449" s="18"/>
    </row>
    <row r="450" spans="1:8" ht="40.049999999999997" customHeight="1" x14ac:dyDescent="0.2">
      <c r="A450" s="15" t="s">
        <v>118</v>
      </c>
      <c r="B450" s="16">
        <v>616</v>
      </c>
      <c r="C450" s="17" t="s">
        <v>1068</v>
      </c>
      <c r="D450" s="17" t="s">
        <v>1069</v>
      </c>
      <c r="E450" s="18" t="s">
        <v>267</v>
      </c>
      <c r="F450" s="18" t="s">
        <v>1224</v>
      </c>
      <c r="G450" s="17" t="s">
        <v>1</v>
      </c>
      <c r="H450" s="18"/>
    </row>
    <row r="451" spans="1:8" ht="40.049999999999997" customHeight="1" x14ac:dyDescent="0.2">
      <c r="A451" s="15" t="s">
        <v>118</v>
      </c>
      <c r="B451" s="16">
        <v>617</v>
      </c>
      <c r="C451" s="17" t="s">
        <v>190</v>
      </c>
      <c r="D451" s="17" t="s">
        <v>1070</v>
      </c>
      <c r="E451" s="18" t="s">
        <v>30</v>
      </c>
      <c r="F451" s="18" t="s">
        <v>261</v>
      </c>
      <c r="G451" s="17" t="s">
        <v>1</v>
      </c>
      <c r="H451" s="18"/>
    </row>
    <row r="452" spans="1:8" ht="40.049999999999997" customHeight="1" x14ac:dyDescent="0.2">
      <c r="A452" s="15" t="s">
        <v>117</v>
      </c>
      <c r="B452" s="16">
        <v>101</v>
      </c>
      <c r="C452" s="17" t="s">
        <v>1071</v>
      </c>
      <c r="D452" s="17" t="s">
        <v>1072</v>
      </c>
      <c r="E452" s="18" t="s">
        <v>30</v>
      </c>
      <c r="F452" s="18" t="s">
        <v>1225</v>
      </c>
      <c r="G452" s="17" t="s">
        <v>1</v>
      </c>
      <c r="H452" s="18"/>
    </row>
    <row r="453" spans="1:8" ht="40.049999999999997" customHeight="1" x14ac:dyDescent="0.2">
      <c r="A453" s="15" t="s">
        <v>117</v>
      </c>
      <c r="B453" s="16">
        <v>308</v>
      </c>
      <c r="C453" s="17" t="s">
        <v>1073</v>
      </c>
      <c r="D453" s="17" t="s">
        <v>1074</v>
      </c>
      <c r="E453" s="18" t="s">
        <v>11</v>
      </c>
      <c r="F453" s="18" t="s">
        <v>253</v>
      </c>
      <c r="G453" s="17" t="s">
        <v>86</v>
      </c>
      <c r="H453" s="18"/>
    </row>
    <row r="454" spans="1:8" ht="40.049999999999997" customHeight="1" x14ac:dyDescent="0.2">
      <c r="A454" s="15" t="s">
        <v>117</v>
      </c>
      <c r="B454" s="16">
        <v>102</v>
      </c>
      <c r="C454" s="17" t="s">
        <v>122</v>
      </c>
      <c r="D454" s="17" t="s">
        <v>87</v>
      </c>
      <c r="E454" s="18" t="s">
        <v>30</v>
      </c>
      <c r="F454" s="18" t="s">
        <v>157</v>
      </c>
      <c r="G454" s="17" t="s">
        <v>1</v>
      </c>
      <c r="H454" s="18"/>
    </row>
    <row r="455" spans="1:8" ht="40.049999999999997" customHeight="1" x14ac:dyDescent="0.2">
      <c r="A455" s="15" t="s">
        <v>117</v>
      </c>
      <c r="B455" s="16">
        <v>103</v>
      </c>
      <c r="C455" s="17" t="s">
        <v>1075</v>
      </c>
      <c r="D455" s="17" t="s">
        <v>88</v>
      </c>
      <c r="E455" s="18" t="s">
        <v>92</v>
      </c>
      <c r="F455" s="18" t="s">
        <v>1226</v>
      </c>
      <c r="G455" s="17" t="s">
        <v>1</v>
      </c>
      <c r="H455" s="18"/>
    </row>
    <row r="456" spans="1:8" ht="40.049999999999997" customHeight="1" x14ac:dyDescent="0.2">
      <c r="A456" s="15" t="s">
        <v>117</v>
      </c>
      <c r="B456" s="16">
        <v>105</v>
      </c>
      <c r="C456" s="17" t="s">
        <v>1076</v>
      </c>
      <c r="D456" s="17" t="s">
        <v>87</v>
      </c>
      <c r="E456" s="18" t="s">
        <v>30</v>
      </c>
      <c r="F456" s="18" t="s">
        <v>1227</v>
      </c>
      <c r="G456" s="17" t="s">
        <v>1</v>
      </c>
      <c r="H456" s="18"/>
    </row>
    <row r="457" spans="1:8" ht="40.049999999999997" customHeight="1" x14ac:dyDescent="0.2">
      <c r="A457" s="15" t="s">
        <v>117</v>
      </c>
      <c r="B457" s="16">
        <v>106</v>
      </c>
      <c r="C457" s="17" t="s">
        <v>1077</v>
      </c>
      <c r="D457" s="17" t="s">
        <v>89</v>
      </c>
      <c r="E457" s="18" t="s">
        <v>30</v>
      </c>
      <c r="F457" s="18" t="s">
        <v>1228</v>
      </c>
      <c r="G457" s="17" t="s">
        <v>1</v>
      </c>
      <c r="H457" s="18"/>
    </row>
    <row r="458" spans="1:8" ht="40.049999999999997" customHeight="1" x14ac:dyDescent="0.2">
      <c r="A458" s="15" t="s">
        <v>117</v>
      </c>
      <c r="B458" s="16">
        <v>107</v>
      </c>
      <c r="C458" s="17" t="s">
        <v>1078</v>
      </c>
      <c r="D458" s="17" t="s">
        <v>1079</v>
      </c>
      <c r="E458" s="18" t="s">
        <v>30</v>
      </c>
      <c r="F458" s="18" t="s">
        <v>90</v>
      </c>
      <c r="G458" s="17" t="s">
        <v>1</v>
      </c>
      <c r="H458" s="18"/>
    </row>
    <row r="459" spans="1:8" ht="40.049999999999997" customHeight="1" x14ac:dyDescent="0.2">
      <c r="A459" s="15" t="s">
        <v>117</v>
      </c>
      <c r="B459" s="16">
        <v>108</v>
      </c>
      <c r="C459" s="17" t="s">
        <v>1080</v>
      </c>
      <c r="D459" s="17" t="s">
        <v>87</v>
      </c>
      <c r="E459" s="18" t="s">
        <v>30</v>
      </c>
      <c r="F459" s="18" t="s">
        <v>1229</v>
      </c>
      <c r="G459" s="17" t="s">
        <v>1</v>
      </c>
      <c r="H459" s="18"/>
    </row>
    <row r="460" spans="1:8" ht="40.049999999999997" customHeight="1" x14ac:dyDescent="0.2">
      <c r="A460" s="15" t="s">
        <v>117</v>
      </c>
      <c r="B460" s="16">
        <v>109</v>
      </c>
      <c r="C460" s="17" t="s">
        <v>1081</v>
      </c>
      <c r="D460" s="17" t="s">
        <v>87</v>
      </c>
      <c r="E460" s="18" t="s">
        <v>30</v>
      </c>
      <c r="F460" s="18" t="s">
        <v>257</v>
      </c>
      <c r="G460" s="17" t="s">
        <v>1</v>
      </c>
      <c r="H460" s="18"/>
    </row>
    <row r="461" spans="1:8" ht="40.049999999999997" customHeight="1" x14ac:dyDescent="0.2">
      <c r="A461" s="15" t="s">
        <v>117</v>
      </c>
      <c r="B461" s="16">
        <v>110</v>
      </c>
      <c r="C461" s="17" t="s">
        <v>123</v>
      </c>
      <c r="D461" s="17" t="s">
        <v>88</v>
      </c>
      <c r="E461" s="18" t="s">
        <v>30</v>
      </c>
      <c r="F461" s="18" t="s">
        <v>1230</v>
      </c>
      <c r="G461" s="17" t="s">
        <v>1</v>
      </c>
      <c r="H461" s="18"/>
    </row>
    <row r="462" spans="1:8" ht="40.049999999999997" customHeight="1" x14ac:dyDescent="0.2">
      <c r="A462" s="15" t="s">
        <v>117</v>
      </c>
      <c r="B462" s="16">
        <v>111</v>
      </c>
      <c r="C462" s="17" t="s">
        <v>1082</v>
      </c>
      <c r="D462" s="17" t="s">
        <v>200</v>
      </c>
      <c r="E462" s="18" t="s">
        <v>76</v>
      </c>
      <c r="F462" s="18" t="s">
        <v>91</v>
      </c>
      <c r="G462" s="17" t="s">
        <v>86</v>
      </c>
      <c r="H462" s="18"/>
    </row>
    <row r="463" spans="1:8" ht="40.049999999999997" customHeight="1" x14ac:dyDescent="0.2">
      <c r="A463" s="15" t="s">
        <v>117</v>
      </c>
      <c r="B463" s="16">
        <v>113</v>
      </c>
      <c r="C463" s="17" t="s">
        <v>1083</v>
      </c>
      <c r="D463" s="17" t="s">
        <v>1084</v>
      </c>
      <c r="E463" s="18" t="s">
        <v>73</v>
      </c>
      <c r="F463" s="18" t="s">
        <v>1231</v>
      </c>
      <c r="G463" s="17" t="s">
        <v>1</v>
      </c>
      <c r="H463" s="18"/>
    </row>
    <row r="464" spans="1:8" ht="40.049999999999997" customHeight="1" x14ac:dyDescent="0.2">
      <c r="A464" s="15" t="s">
        <v>117</v>
      </c>
      <c r="B464" s="16">
        <v>114</v>
      </c>
      <c r="C464" s="17" t="s">
        <v>1085</v>
      </c>
      <c r="D464" s="17" t="s">
        <v>1086</v>
      </c>
      <c r="E464" s="18" t="s">
        <v>73</v>
      </c>
      <c r="F464" s="18" t="s">
        <v>1210</v>
      </c>
      <c r="G464" s="17" t="s">
        <v>1</v>
      </c>
      <c r="H464" s="18"/>
    </row>
    <row r="465" spans="1:8" ht="40.049999999999997" customHeight="1" x14ac:dyDescent="0.2">
      <c r="A465" s="15" t="s">
        <v>117</v>
      </c>
      <c r="B465" s="16">
        <v>115</v>
      </c>
      <c r="C465" s="17" t="s">
        <v>1087</v>
      </c>
      <c r="D465" s="17" t="s">
        <v>1086</v>
      </c>
      <c r="E465" s="18" t="s">
        <v>11</v>
      </c>
      <c r="F465" s="18" t="s">
        <v>1232</v>
      </c>
      <c r="G465" s="17" t="s">
        <v>1</v>
      </c>
      <c r="H465" s="18"/>
    </row>
    <row r="466" spans="1:8" ht="40.049999999999997" customHeight="1" x14ac:dyDescent="0.2">
      <c r="A466" s="15" t="s">
        <v>117</v>
      </c>
      <c r="B466" s="16">
        <v>116</v>
      </c>
      <c r="C466" s="17" t="s">
        <v>1088</v>
      </c>
      <c r="D466" s="17" t="s">
        <v>89</v>
      </c>
      <c r="E466" s="18" t="s">
        <v>30</v>
      </c>
      <c r="F466" s="18" t="s">
        <v>1233</v>
      </c>
      <c r="G466" s="17" t="s">
        <v>1</v>
      </c>
      <c r="H466" s="18"/>
    </row>
    <row r="467" spans="1:8" ht="40.049999999999997" customHeight="1" x14ac:dyDescent="0.2">
      <c r="A467" s="15" t="s">
        <v>117</v>
      </c>
      <c r="B467" s="16">
        <v>117</v>
      </c>
      <c r="C467" s="17" t="s">
        <v>1089</v>
      </c>
      <c r="D467" s="17" t="s">
        <v>1090</v>
      </c>
      <c r="E467" s="18" t="s">
        <v>11</v>
      </c>
      <c r="F467" s="18" t="s">
        <v>150</v>
      </c>
      <c r="G467" s="17" t="s">
        <v>1</v>
      </c>
      <c r="H467" s="18"/>
    </row>
    <row r="468" spans="1:8" ht="40.049999999999997" customHeight="1" x14ac:dyDescent="0.2">
      <c r="A468" s="15" t="s">
        <v>117</v>
      </c>
      <c r="B468" s="16">
        <v>118</v>
      </c>
      <c r="C468" s="17" t="s">
        <v>1091</v>
      </c>
      <c r="D468" s="17" t="s">
        <v>1092</v>
      </c>
      <c r="E468" s="18" t="s">
        <v>4</v>
      </c>
      <c r="F468" s="18" t="s">
        <v>1230</v>
      </c>
      <c r="G468" s="17" t="s">
        <v>1</v>
      </c>
      <c r="H468" s="18"/>
    </row>
    <row r="469" spans="1:8" ht="40.049999999999997" customHeight="1" x14ac:dyDescent="0.2">
      <c r="A469" s="15" t="s">
        <v>117</v>
      </c>
      <c r="B469" s="16">
        <v>119</v>
      </c>
      <c r="C469" s="17" t="s">
        <v>1093</v>
      </c>
      <c r="D469" s="17" t="s">
        <v>200</v>
      </c>
      <c r="E469" s="18" t="s">
        <v>73</v>
      </c>
      <c r="F469" s="18" t="s">
        <v>256</v>
      </c>
      <c r="G469" s="17" t="s">
        <v>1</v>
      </c>
      <c r="H469" s="18"/>
    </row>
    <row r="470" spans="1:8" ht="40.049999999999997" customHeight="1" x14ac:dyDescent="0.2">
      <c r="A470" s="15" t="s">
        <v>117</v>
      </c>
      <c r="B470" s="16">
        <v>121</v>
      </c>
      <c r="C470" s="17" t="s">
        <v>1094</v>
      </c>
      <c r="D470" s="17" t="s">
        <v>87</v>
      </c>
      <c r="E470" s="18" t="s">
        <v>30</v>
      </c>
      <c r="F470" s="18" t="s">
        <v>1234</v>
      </c>
      <c r="G470" s="17" t="s">
        <v>1</v>
      </c>
      <c r="H470" s="18"/>
    </row>
    <row r="471" spans="1:8" ht="40.049999999999997" customHeight="1" x14ac:dyDescent="0.2">
      <c r="A471" s="15" t="s">
        <v>117</v>
      </c>
      <c r="B471" s="16">
        <v>122</v>
      </c>
      <c r="C471" s="17" t="s">
        <v>1095</v>
      </c>
      <c r="D471" s="17" t="s">
        <v>1096</v>
      </c>
      <c r="E471" s="18" t="s">
        <v>30</v>
      </c>
      <c r="F471" s="18" t="s">
        <v>1229</v>
      </c>
      <c r="G471" s="17" t="s">
        <v>1</v>
      </c>
      <c r="H471" s="18"/>
    </row>
    <row r="472" spans="1:8" ht="40.049999999999997" customHeight="1" x14ac:dyDescent="0.2">
      <c r="A472" s="15" t="s">
        <v>117</v>
      </c>
      <c r="B472" s="16">
        <v>302</v>
      </c>
      <c r="C472" s="17" t="s">
        <v>1097</v>
      </c>
      <c r="D472" s="17" t="s">
        <v>1251</v>
      </c>
      <c r="E472" s="18" t="s">
        <v>11</v>
      </c>
      <c r="F472" s="18" t="s">
        <v>1235</v>
      </c>
      <c r="G472" s="17" t="s">
        <v>1</v>
      </c>
      <c r="H472" s="18"/>
    </row>
    <row r="473" spans="1:8" ht="40.049999999999997" customHeight="1" x14ac:dyDescent="0.2">
      <c r="A473" s="15" t="s">
        <v>117</v>
      </c>
      <c r="B473" s="16">
        <v>304</v>
      </c>
      <c r="C473" s="17" t="s">
        <v>1098</v>
      </c>
      <c r="D473" s="17" t="s">
        <v>1099</v>
      </c>
      <c r="E473" s="18" t="s">
        <v>11</v>
      </c>
      <c r="F473" s="18" t="s">
        <v>1236</v>
      </c>
      <c r="G473" s="17" t="s">
        <v>72</v>
      </c>
      <c r="H473" s="18"/>
    </row>
    <row r="474" spans="1:8" ht="40.049999999999997" customHeight="1" x14ac:dyDescent="0.2">
      <c r="A474" s="15" t="s">
        <v>119</v>
      </c>
      <c r="B474" s="16">
        <v>207</v>
      </c>
      <c r="C474" s="17" t="s">
        <v>1100</v>
      </c>
      <c r="D474" s="17" t="s">
        <v>128</v>
      </c>
      <c r="E474" s="18" t="s">
        <v>11</v>
      </c>
      <c r="F474" s="18" t="s">
        <v>154</v>
      </c>
      <c r="G474" s="17" t="s">
        <v>71</v>
      </c>
      <c r="H474" s="18"/>
    </row>
    <row r="475" spans="1:8" ht="40.049999999999997" customHeight="1" x14ac:dyDescent="0.2">
      <c r="A475" s="15" t="s">
        <v>119</v>
      </c>
      <c r="B475" s="16">
        <v>217</v>
      </c>
      <c r="C475" s="17" t="s">
        <v>1101</v>
      </c>
      <c r="D475" s="17" t="s">
        <v>1102</v>
      </c>
      <c r="E475" s="18" t="s">
        <v>11</v>
      </c>
      <c r="F475" s="18" t="s">
        <v>253</v>
      </c>
      <c r="G475" s="17" t="s">
        <v>86</v>
      </c>
      <c r="H475" s="18"/>
    </row>
    <row r="476" spans="1:8" ht="40.049999999999997" customHeight="1" x14ac:dyDescent="0.2">
      <c r="A476" s="15" t="s">
        <v>119</v>
      </c>
      <c r="B476" s="16">
        <v>220</v>
      </c>
      <c r="C476" s="17" t="s">
        <v>1103</v>
      </c>
      <c r="D476" s="17" t="s">
        <v>1104</v>
      </c>
      <c r="E476" s="18" t="s">
        <v>76</v>
      </c>
      <c r="F476" s="18" t="s">
        <v>151</v>
      </c>
      <c r="G476" s="17" t="s">
        <v>1</v>
      </c>
      <c r="H476" s="18"/>
    </row>
    <row r="477" spans="1:8" ht="40.049999999999997" customHeight="1" x14ac:dyDescent="0.2">
      <c r="A477" s="15" t="s">
        <v>119</v>
      </c>
      <c r="B477" s="16">
        <v>221</v>
      </c>
      <c r="C477" s="17" t="s">
        <v>1105</v>
      </c>
      <c r="D477" s="17" t="s">
        <v>1106</v>
      </c>
      <c r="E477" s="18" t="s">
        <v>76</v>
      </c>
      <c r="F477" s="18" t="s">
        <v>160</v>
      </c>
      <c r="G477" s="17" t="s">
        <v>161</v>
      </c>
      <c r="H477" s="18"/>
    </row>
    <row r="478" spans="1:8" ht="40.049999999999997" customHeight="1" x14ac:dyDescent="0.2">
      <c r="A478" s="15" t="s">
        <v>119</v>
      </c>
      <c r="B478" s="16">
        <v>210</v>
      </c>
      <c r="C478" s="17" t="s">
        <v>1107</v>
      </c>
      <c r="D478" s="17" t="s">
        <v>1108</v>
      </c>
      <c r="E478" s="18" t="s">
        <v>73</v>
      </c>
      <c r="F478" s="18" t="s">
        <v>1237</v>
      </c>
      <c r="G478" s="17" t="s">
        <v>266</v>
      </c>
      <c r="H478" s="18"/>
    </row>
    <row r="479" spans="1:8" ht="40.049999999999997" customHeight="1" x14ac:dyDescent="0.2">
      <c r="A479" s="15" t="s">
        <v>119</v>
      </c>
      <c r="B479" s="16">
        <v>219</v>
      </c>
      <c r="C479" s="17" t="s">
        <v>1109</v>
      </c>
      <c r="D479" s="17" t="s">
        <v>1110</v>
      </c>
      <c r="E479" s="18" t="s">
        <v>11</v>
      </c>
      <c r="F479" s="18" t="s">
        <v>159</v>
      </c>
      <c r="G479" s="17" t="s">
        <v>1</v>
      </c>
      <c r="H479" s="18"/>
    </row>
    <row r="480" spans="1:8" ht="40.049999999999997" customHeight="1" x14ac:dyDescent="0.2">
      <c r="A480" s="15" t="s">
        <v>119</v>
      </c>
      <c r="B480" s="16">
        <v>226</v>
      </c>
      <c r="C480" s="17" t="s">
        <v>1111</v>
      </c>
      <c r="D480" s="17" t="s">
        <v>1112</v>
      </c>
      <c r="E480" s="18" t="s">
        <v>11</v>
      </c>
      <c r="F480" s="18" t="s">
        <v>159</v>
      </c>
      <c r="G480" s="17"/>
      <c r="H480" s="18"/>
    </row>
    <row r="481" spans="1:8" ht="40.049999999999997" customHeight="1" x14ac:dyDescent="0.2">
      <c r="A481" s="15" t="s">
        <v>119</v>
      </c>
      <c r="B481" s="16">
        <v>239</v>
      </c>
      <c r="C481" s="17" t="s">
        <v>1113</v>
      </c>
      <c r="D481" s="17" t="s">
        <v>1114</v>
      </c>
      <c r="E481" s="18" t="s">
        <v>11</v>
      </c>
      <c r="F481" s="18" t="s">
        <v>258</v>
      </c>
      <c r="G481" s="17" t="s">
        <v>1</v>
      </c>
      <c r="H481" s="18"/>
    </row>
    <row r="482" spans="1:8" ht="40.049999999999997" customHeight="1" x14ac:dyDescent="0.2">
      <c r="A482" s="15" t="s">
        <v>119</v>
      </c>
      <c r="B482" s="16">
        <v>243</v>
      </c>
      <c r="C482" s="17" t="s">
        <v>1115</v>
      </c>
      <c r="D482" s="17" t="s">
        <v>1116</v>
      </c>
      <c r="E482" s="18" t="s">
        <v>73</v>
      </c>
      <c r="F482" s="18" t="s">
        <v>1238</v>
      </c>
      <c r="G482" s="17" t="s">
        <v>1</v>
      </c>
      <c r="H482" s="18"/>
    </row>
    <row r="483" spans="1:8" ht="40.049999999999997" customHeight="1" x14ac:dyDescent="0.2">
      <c r="A483" s="15" t="s">
        <v>119</v>
      </c>
      <c r="B483" s="16">
        <v>206</v>
      </c>
      <c r="C483" s="17" t="s">
        <v>1117</v>
      </c>
      <c r="D483" s="17" t="s">
        <v>1118</v>
      </c>
      <c r="E483" s="18" t="s">
        <v>73</v>
      </c>
      <c r="F483" s="18" t="s">
        <v>152</v>
      </c>
      <c r="G483" s="17" t="s">
        <v>1</v>
      </c>
      <c r="H483" s="18"/>
    </row>
    <row r="484" spans="1:8" ht="40.049999999999997" customHeight="1" x14ac:dyDescent="0.2">
      <c r="A484" s="15" t="s">
        <v>119</v>
      </c>
      <c r="B484" s="16">
        <v>209</v>
      </c>
      <c r="C484" s="17" t="s">
        <v>1119</v>
      </c>
      <c r="D484" s="17" t="s">
        <v>1120</v>
      </c>
      <c r="E484" s="18" t="s">
        <v>73</v>
      </c>
      <c r="F484" s="18" t="s">
        <v>1239</v>
      </c>
      <c r="G484" s="17" t="s">
        <v>264</v>
      </c>
      <c r="H484" s="18"/>
    </row>
    <row r="485" spans="1:8" ht="40.049999999999997" customHeight="1" x14ac:dyDescent="0.2">
      <c r="A485" s="15" t="s">
        <v>119</v>
      </c>
      <c r="B485" s="16">
        <v>211</v>
      </c>
      <c r="C485" s="17" t="s">
        <v>1121</v>
      </c>
      <c r="D485" s="17" t="s">
        <v>1120</v>
      </c>
      <c r="E485" s="18" t="s">
        <v>11</v>
      </c>
      <c r="F485" s="18" t="s">
        <v>254</v>
      </c>
      <c r="G485" s="17" t="s">
        <v>5</v>
      </c>
      <c r="H485" s="21"/>
    </row>
    <row r="486" spans="1:8" ht="40.049999999999997" customHeight="1" x14ac:dyDescent="0.2">
      <c r="A486" s="15" t="s">
        <v>119</v>
      </c>
      <c r="B486" s="16">
        <v>212</v>
      </c>
      <c r="C486" s="17" t="s">
        <v>1122</v>
      </c>
      <c r="D486" s="17" t="s">
        <v>1123</v>
      </c>
      <c r="E486" s="18" t="s">
        <v>11</v>
      </c>
      <c r="F486" s="18" t="s">
        <v>159</v>
      </c>
      <c r="G486" s="17" t="s">
        <v>1</v>
      </c>
      <c r="H486" s="17"/>
    </row>
    <row r="487" spans="1:8" ht="40.049999999999997" customHeight="1" x14ac:dyDescent="0.2">
      <c r="A487" s="15" t="s">
        <v>119</v>
      </c>
      <c r="B487" s="16">
        <v>215</v>
      </c>
      <c r="C487" s="17" t="s">
        <v>1124</v>
      </c>
      <c r="D487" s="17" t="s">
        <v>1125</v>
      </c>
      <c r="E487" s="18" t="s">
        <v>76</v>
      </c>
      <c r="F487" s="18" t="s">
        <v>151</v>
      </c>
      <c r="G487" s="17" t="s">
        <v>1</v>
      </c>
      <c r="H487" s="21"/>
    </row>
    <row r="488" spans="1:8" ht="40.049999999999997" customHeight="1" x14ac:dyDescent="0.2">
      <c r="A488" s="15" t="s">
        <v>119</v>
      </c>
      <c r="B488" s="16">
        <v>224</v>
      </c>
      <c r="C488" s="17" t="s">
        <v>1126</v>
      </c>
      <c r="D488" s="17" t="s">
        <v>1114</v>
      </c>
      <c r="E488" s="18" t="s">
        <v>11</v>
      </c>
      <c r="F488" s="18" t="s">
        <v>1240</v>
      </c>
      <c r="G488" s="17" t="s">
        <v>1</v>
      </c>
      <c r="H488" s="21"/>
    </row>
    <row r="489" spans="1:8" ht="40.049999999999997" customHeight="1" x14ac:dyDescent="0.2">
      <c r="A489" s="22"/>
      <c r="B489" s="16"/>
      <c r="C489" s="17"/>
      <c r="D489" s="17"/>
      <c r="E489" s="18"/>
      <c r="F489" s="18"/>
      <c r="G489" s="17"/>
      <c r="H489" s="21"/>
    </row>
    <row r="490" spans="1:8" ht="40.049999999999997" customHeight="1" x14ac:dyDescent="0.2">
      <c r="A490" s="22"/>
      <c r="B490" s="16"/>
      <c r="C490" s="17"/>
      <c r="D490" s="17"/>
      <c r="E490" s="18"/>
      <c r="F490" s="18"/>
      <c r="G490" s="17"/>
      <c r="H490" s="21"/>
    </row>
    <row r="491" spans="1:8" ht="40.049999999999997" customHeight="1" x14ac:dyDescent="0.2">
      <c r="A491" s="23"/>
      <c r="B491" s="24"/>
      <c r="C491" s="23"/>
      <c r="D491" s="23"/>
      <c r="E491" s="21"/>
      <c r="F491" s="21"/>
      <c r="G491" s="23"/>
      <c r="H491" s="21"/>
    </row>
    <row r="492" spans="1:8" ht="40.049999999999997" customHeight="1" x14ac:dyDescent="0.2">
      <c r="A492" s="23"/>
      <c r="B492" s="24"/>
      <c r="C492" s="23"/>
      <c r="D492" s="23"/>
      <c r="E492" s="21"/>
      <c r="F492" s="21"/>
      <c r="G492" s="23"/>
      <c r="H492" s="21"/>
    </row>
    <row r="493" spans="1:8" ht="40.049999999999997" customHeight="1" x14ac:dyDescent="0.2">
      <c r="A493" s="25"/>
      <c r="B493" s="26"/>
      <c r="C493" s="25"/>
      <c r="D493" s="25"/>
      <c r="E493" s="27"/>
      <c r="F493" s="27"/>
      <c r="G493" s="25"/>
      <c r="H493" s="27"/>
    </row>
    <row r="494" spans="1:8" ht="40.049999999999997" customHeight="1" x14ac:dyDescent="0.2">
      <c r="A494" s="25"/>
      <c r="B494" s="26"/>
      <c r="C494" s="25"/>
      <c r="D494" s="25"/>
      <c r="E494" s="27"/>
      <c r="F494" s="27"/>
      <c r="G494" s="25"/>
      <c r="H494" s="27"/>
    </row>
    <row r="495" spans="1:8" ht="40.049999999999997" customHeight="1" x14ac:dyDescent="0.2">
      <c r="A495" s="25"/>
      <c r="B495" s="26"/>
      <c r="C495" s="25"/>
      <c r="D495" s="25"/>
      <c r="E495" s="27"/>
      <c r="F495" s="27"/>
      <c r="G495" s="25"/>
      <c r="H495" s="27"/>
    </row>
    <row r="496" spans="1:8" ht="40.049999999999997" customHeight="1" x14ac:dyDescent="0.2">
      <c r="A496" s="25"/>
      <c r="B496" s="26"/>
      <c r="C496" s="25"/>
      <c r="D496" s="25"/>
      <c r="E496" s="27"/>
      <c r="F496" s="27"/>
      <c r="G496" s="25"/>
      <c r="H496" s="27"/>
    </row>
    <row r="497" spans="1:8" ht="40.049999999999997" customHeight="1" x14ac:dyDescent="0.2">
      <c r="A497" s="25"/>
      <c r="B497" s="26"/>
      <c r="C497" s="25"/>
      <c r="D497" s="25"/>
      <c r="E497" s="27"/>
      <c r="F497" s="27"/>
      <c r="G497" s="25"/>
      <c r="H497" s="27"/>
    </row>
    <row r="498" spans="1:8" ht="40.049999999999997" customHeight="1" x14ac:dyDescent="0.2">
      <c r="A498" s="25"/>
      <c r="B498" s="26"/>
      <c r="C498" s="25"/>
      <c r="D498" s="25"/>
      <c r="E498" s="27"/>
      <c r="F498" s="27"/>
      <c r="G498" s="25"/>
      <c r="H498" s="27"/>
    </row>
    <row r="499" spans="1:8" ht="40.049999999999997" customHeight="1" x14ac:dyDescent="0.2">
      <c r="A499" s="25"/>
      <c r="B499" s="26"/>
      <c r="C499" s="25"/>
      <c r="D499" s="25"/>
      <c r="E499" s="27"/>
      <c r="F499" s="27"/>
      <c r="G499" s="25"/>
      <c r="H499" s="27"/>
    </row>
    <row r="500" spans="1:8" ht="40.049999999999997" customHeight="1" x14ac:dyDescent="0.2">
      <c r="A500" s="25"/>
      <c r="B500" s="26"/>
      <c r="C500" s="25"/>
      <c r="D500" s="25"/>
      <c r="E500" s="27"/>
      <c r="F500" s="27"/>
      <c r="G500" s="25"/>
      <c r="H500" s="27"/>
    </row>
    <row r="501" spans="1:8" ht="40.049999999999997" customHeight="1" x14ac:dyDescent="0.2">
      <c r="A501" s="25"/>
      <c r="B501" s="26"/>
      <c r="C501" s="25"/>
      <c r="D501" s="25"/>
      <c r="E501" s="27"/>
      <c r="F501" s="27"/>
      <c r="G501" s="25"/>
      <c r="H501" s="27"/>
    </row>
    <row r="502" spans="1:8" ht="40.049999999999997" customHeight="1" x14ac:dyDescent="0.2">
      <c r="A502" s="25"/>
      <c r="B502" s="26"/>
      <c r="C502" s="25"/>
      <c r="D502" s="25"/>
      <c r="E502" s="27"/>
      <c r="F502" s="27"/>
      <c r="G502" s="25"/>
      <c r="H502" s="27"/>
    </row>
    <row r="503" spans="1:8" ht="40.049999999999997" customHeight="1" x14ac:dyDescent="0.2">
      <c r="A503" s="25"/>
      <c r="B503" s="26"/>
      <c r="C503" s="25"/>
      <c r="D503" s="25"/>
      <c r="E503" s="27"/>
      <c r="F503" s="27"/>
      <c r="G503" s="25"/>
      <c r="H503" s="27"/>
    </row>
    <row r="504" spans="1:8" ht="40.049999999999997" customHeight="1" x14ac:dyDescent="0.2">
      <c r="A504" s="25"/>
      <c r="B504" s="26"/>
      <c r="C504" s="25"/>
      <c r="D504" s="25"/>
      <c r="E504" s="27"/>
      <c r="F504" s="27"/>
      <c r="G504" s="25"/>
      <c r="H504" s="27"/>
    </row>
    <row r="505" spans="1:8" ht="40.049999999999997" customHeight="1" x14ac:dyDescent="0.2">
      <c r="A505" s="25"/>
      <c r="B505" s="26"/>
      <c r="C505" s="25"/>
      <c r="D505" s="25"/>
      <c r="E505" s="27"/>
      <c r="F505" s="27"/>
      <c r="G505" s="25"/>
      <c r="H505" s="27"/>
    </row>
    <row r="506" spans="1:8" ht="40.049999999999997" customHeight="1" x14ac:dyDescent="0.2">
      <c r="A506" s="25"/>
      <c r="B506" s="26"/>
      <c r="C506" s="25"/>
      <c r="D506" s="25"/>
      <c r="E506" s="27"/>
      <c r="F506" s="27"/>
      <c r="G506" s="25"/>
      <c r="H506" s="27"/>
    </row>
    <row r="507" spans="1:8" ht="40.049999999999997" customHeight="1" x14ac:dyDescent="0.2">
      <c r="A507" s="25"/>
      <c r="B507" s="26"/>
      <c r="C507" s="25"/>
      <c r="D507" s="25"/>
      <c r="E507" s="27"/>
      <c r="F507" s="27"/>
      <c r="G507" s="25"/>
      <c r="H507" s="27"/>
    </row>
    <row r="508" spans="1:8" ht="40.049999999999997" customHeight="1" x14ac:dyDescent="0.2">
      <c r="A508" s="25"/>
      <c r="B508" s="26"/>
      <c r="C508" s="25"/>
      <c r="D508" s="25"/>
      <c r="E508" s="27"/>
      <c r="F508" s="27"/>
      <c r="G508" s="25"/>
      <c r="H508" s="27"/>
    </row>
    <row r="509" spans="1:8" ht="40.049999999999997" customHeight="1" x14ac:dyDescent="0.2">
      <c r="A509" s="25"/>
      <c r="B509" s="26"/>
      <c r="C509" s="25"/>
      <c r="D509" s="25"/>
      <c r="E509" s="27"/>
      <c r="F509" s="27"/>
      <c r="G509" s="25"/>
      <c r="H509" s="27"/>
    </row>
  </sheetData>
  <sheetProtection algorithmName="SHA-512" hashValue="0VmpXVLUjpACyfMN/64k+dmDYJz0rbUY0oG6LTLPot2Pz6KoxHRksoGe3pe7A2veh19kdhMbX4UAWpsGxTkVxA==" saltValue="hnWOIYW9Jefia2xCf4W+OQ==" spinCount="100000" sheet="1" objects="1" scenarios="1" autoFilter="0"/>
  <autoFilter ref="A7:H492" xr:uid="{00000000-0009-0000-0000-000000000000}"/>
  <phoneticPr fontId="1"/>
  <pageMargins left="0.7" right="0.7" top="0.75" bottom="0.75" header="0.3" footer="0.3"/>
  <pageSetup paperSize="8" scale="74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令和７年度</vt:lpstr>
      <vt:lpstr>令和７年度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宮本 伸夫</cp:lastModifiedBy>
  <cp:lastPrinted>2026-05-25T04:31:20Z</cp:lastPrinted>
  <dcterms:created xsi:type="dcterms:W3CDTF">2022-05-30T07:06:05Z</dcterms:created>
  <dcterms:modified xsi:type="dcterms:W3CDTF">2026-06-26T02:53:26Z</dcterms:modified>
</cp:coreProperties>
</file>